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7_山北町\"/>
    </mc:Choice>
  </mc:AlternateContent>
  <workbookProtection workbookAlgorithmName="SHA-512" workbookHashValue="drvcJsnaFQGZvKEkAQ1t95RY3whUGcWhWKh7Hd/2w8uJS21cuGz7huQGBQ4xx1BtZeDhnYT086+YmBiohL6cdA==" workbookSaltValue="STVQh1a98YTZdJq0EdnIXw==" workbookSpinCount="100000" lockStructure="1"/>
  <bookViews>
    <workbookView xWindow="0" yWindow="0" windowWidth="20496" windowHeight="7476"/>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O85" i="4" s="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M85" i="4"/>
  <c r="L85" i="4"/>
  <c r="J85" i="4"/>
  <c r="I85" i="4"/>
  <c r="H85" i="4"/>
  <c r="F85" i="4"/>
  <c r="E85" i="4"/>
  <c r="BB10" i="4"/>
  <c r="AT10" i="4"/>
  <c r="AL10" i="4"/>
  <c r="W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山北町</t>
  </si>
  <si>
    <t>法適用</t>
  </si>
  <si>
    <t>水道事業</t>
  </si>
  <si>
    <t>末端給水事業</t>
  </si>
  <si>
    <t>A7</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有形固定資産減価償却率、管路経年化率が類似団体内で高い水準である一方、管路更新率は一昨年度まで著しく低い状況であったのは、当町では平成元年度から平成15年度頃までに集中して下水道工事に併せた管路更新を行ったことが要因として考えられます。近年は工事規模が縮小しておりましたが、昨年度から下水道工事に併せた管路更新を行っており、次年度までの３か年事業となっております。
　今後は施設の老朽化がますます進む中で、耐用年数を考慮し優先順位をつけ、事業費の平準化を図りながら計画的な施設更新を行ってまいります。</t>
    <rPh sb="1" eb="3">
      <t>ユウケイ</t>
    </rPh>
    <rPh sb="3" eb="5">
      <t>コテイ</t>
    </rPh>
    <rPh sb="5" eb="7">
      <t>シサン</t>
    </rPh>
    <rPh sb="7" eb="9">
      <t>ゲンカ</t>
    </rPh>
    <rPh sb="9" eb="11">
      <t>ショウキャク</t>
    </rPh>
    <rPh sb="11" eb="12">
      <t>リツ</t>
    </rPh>
    <rPh sb="13" eb="15">
      <t>カンロ</t>
    </rPh>
    <rPh sb="15" eb="18">
      <t>ケイネンカ</t>
    </rPh>
    <rPh sb="18" eb="19">
      <t>リツ</t>
    </rPh>
    <rPh sb="20" eb="22">
      <t>ルイジ</t>
    </rPh>
    <rPh sb="22" eb="24">
      <t>ダンタイ</t>
    </rPh>
    <rPh sb="24" eb="25">
      <t>ナイ</t>
    </rPh>
    <rPh sb="26" eb="27">
      <t>タカ</t>
    </rPh>
    <rPh sb="28" eb="30">
      <t>スイジュン</t>
    </rPh>
    <rPh sb="33" eb="35">
      <t>イッポウ</t>
    </rPh>
    <rPh sb="36" eb="38">
      <t>カンロ</t>
    </rPh>
    <rPh sb="38" eb="40">
      <t>コウシン</t>
    </rPh>
    <rPh sb="40" eb="41">
      <t>リツ</t>
    </rPh>
    <rPh sb="42" eb="43">
      <t>イチ</t>
    </rPh>
    <rPh sb="43" eb="45">
      <t>サクネン</t>
    </rPh>
    <rPh sb="45" eb="46">
      <t>ド</t>
    </rPh>
    <rPh sb="48" eb="49">
      <t>イチジル</t>
    </rPh>
    <rPh sb="51" eb="52">
      <t>ヒク</t>
    </rPh>
    <rPh sb="53" eb="55">
      <t>ジョウキョウ</t>
    </rPh>
    <rPh sb="62" eb="63">
      <t>トウ</t>
    </rPh>
    <rPh sb="63" eb="64">
      <t>マチ</t>
    </rPh>
    <rPh sb="66" eb="68">
      <t>ヘイセイ</t>
    </rPh>
    <rPh sb="68" eb="70">
      <t>ガンネン</t>
    </rPh>
    <rPh sb="70" eb="71">
      <t>ド</t>
    </rPh>
    <rPh sb="73" eb="75">
      <t>ヘイセイ</t>
    </rPh>
    <rPh sb="77" eb="78">
      <t>ネン</t>
    </rPh>
    <rPh sb="78" eb="79">
      <t>ド</t>
    </rPh>
    <rPh sb="79" eb="80">
      <t>コロ</t>
    </rPh>
    <rPh sb="83" eb="85">
      <t>シュウチュウ</t>
    </rPh>
    <rPh sb="87" eb="90">
      <t>ゲスイドウ</t>
    </rPh>
    <rPh sb="90" eb="92">
      <t>コウジ</t>
    </rPh>
    <rPh sb="93" eb="94">
      <t>アワ</t>
    </rPh>
    <rPh sb="96" eb="98">
      <t>カンロ</t>
    </rPh>
    <rPh sb="98" eb="100">
      <t>コウシン</t>
    </rPh>
    <rPh sb="101" eb="102">
      <t>オコナ</t>
    </rPh>
    <rPh sb="107" eb="109">
      <t>ヨウイン</t>
    </rPh>
    <rPh sb="112" eb="113">
      <t>カンガ</t>
    </rPh>
    <rPh sb="122" eb="124">
      <t>コウジ</t>
    </rPh>
    <rPh sb="124" eb="126">
      <t>キボ</t>
    </rPh>
    <rPh sb="127" eb="129">
      <t>シュクショウ</t>
    </rPh>
    <rPh sb="140" eb="141">
      <t>ド</t>
    </rPh>
    <rPh sb="143" eb="146">
      <t>ゲスイドウ</t>
    </rPh>
    <rPh sb="146" eb="148">
      <t>コウジ</t>
    </rPh>
    <rPh sb="149" eb="150">
      <t>アワ</t>
    </rPh>
    <rPh sb="152" eb="154">
      <t>カンロ</t>
    </rPh>
    <rPh sb="154" eb="156">
      <t>コウシン</t>
    </rPh>
    <rPh sb="157" eb="158">
      <t>オコナ</t>
    </rPh>
    <rPh sb="163" eb="166">
      <t>ジネンド</t>
    </rPh>
    <rPh sb="171" eb="172">
      <t>ネン</t>
    </rPh>
    <rPh sb="172" eb="174">
      <t>ジギョウ</t>
    </rPh>
    <rPh sb="185" eb="187">
      <t>コンゴ</t>
    </rPh>
    <rPh sb="188" eb="190">
      <t>シセツ</t>
    </rPh>
    <rPh sb="191" eb="194">
      <t>ロウキュウカ</t>
    </rPh>
    <rPh sb="199" eb="200">
      <t>スス</t>
    </rPh>
    <rPh sb="201" eb="202">
      <t>ナカ</t>
    </rPh>
    <rPh sb="204" eb="206">
      <t>タイヨウ</t>
    </rPh>
    <rPh sb="206" eb="208">
      <t>ネンスウ</t>
    </rPh>
    <rPh sb="209" eb="211">
      <t>コウリョ</t>
    </rPh>
    <rPh sb="212" eb="214">
      <t>ユウセン</t>
    </rPh>
    <rPh sb="214" eb="216">
      <t>ジュンイ</t>
    </rPh>
    <rPh sb="220" eb="222">
      <t>ジギョウ</t>
    </rPh>
    <rPh sb="222" eb="223">
      <t>ヒ</t>
    </rPh>
    <rPh sb="224" eb="227">
      <t>ヘイジュンカ</t>
    </rPh>
    <rPh sb="228" eb="229">
      <t>ハカ</t>
    </rPh>
    <rPh sb="233" eb="236">
      <t>ケイカクテキ</t>
    </rPh>
    <rPh sb="237" eb="239">
      <t>シセツ</t>
    </rPh>
    <rPh sb="239" eb="241">
      <t>コウシン</t>
    </rPh>
    <rPh sb="242" eb="243">
      <t>オコナ</t>
    </rPh>
    <phoneticPr fontId="4"/>
  </si>
  <si>
    <t>　経常収支比率100％以上、累積欠損金比率０％、流動比率100％以上であり、企業債残高対給水収益比率も類似団体内では低く、料金回収率は100％を超える水準となっており、この指標で表した結果を分析すると比較的健全な経営といえます。
　しかしながら、企業債残高対給水収益比率、管路経年化率、管路更新率について類似団体と比較して総合的にみると、管路経年化に対して管路更新の遅れなどにより、新たな企業債の借り入れを行っていないため企業債残高が減少傾向にあり、指針としては健全経営となっている一面が考えられます。
　また、経常収支比率が減少傾向にあり、給水収益の減少に対し、維持管理費用は増加傾向であることや、将来の施設更新を見据えた中で、平成31年４月に料金改定を実施しましたが、引き続き定期的に料金の見直しを行います。
　施設利用率が低い要因は、当町の居住区域が広範であり、人口割合に対して給水施設が多く必要であり、結果として利用率が低くなっています。今後も極端な減少に転じないよう動向に注意してまいります。
　なお、有収率が類似団体と比較して低いのは、本町の立地条件から高低差のある山間部に配水管が布設されており、漏水箇所の特定が難しく修繕対応が進まないためであり、今後計画的な布設替え等を検討してまいります。</t>
    <rPh sb="1" eb="3">
      <t>ケイジョウ</t>
    </rPh>
    <rPh sb="3" eb="5">
      <t>シュウシ</t>
    </rPh>
    <rPh sb="5" eb="7">
      <t>ヒリツ</t>
    </rPh>
    <rPh sb="11" eb="13">
      <t>イジョウ</t>
    </rPh>
    <rPh sb="14" eb="16">
      <t>ルイセキ</t>
    </rPh>
    <rPh sb="16" eb="19">
      <t>ケッソンキン</t>
    </rPh>
    <rPh sb="19" eb="21">
      <t>ヒリツ</t>
    </rPh>
    <rPh sb="24" eb="26">
      <t>リュウドウ</t>
    </rPh>
    <rPh sb="26" eb="28">
      <t>ヒリツ</t>
    </rPh>
    <rPh sb="32" eb="34">
      <t>イジョウ</t>
    </rPh>
    <rPh sb="38" eb="40">
      <t>キギョウ</t>
    </rPh>
    <rPh sb="40" eb="41">
      <t>サイ</t>
    </rPh>
    <rPh sb="41" eb="43">
      <t>ザンダカ</t>
    </rPh>
    <rPh sb="43" eb="44">
      <t>タイ</t>
    </rPh>
    <rPh sb="44" eb="46">
      <t>キュウスイ</t>
    </rPh>
    <rPh sb="46" eb="48">
      <t>シュウエキ</t>
    </rPh>
    <rPh sb="48" eb="50">
      <t>ヒリツ</t>
    </rPh>
    <rPh sb="51" eb="53">
      <t>ルイジ</t>
    </rPh>
    <rPh sb="53" eb="55">
      <t>ダンタイ</t>
    </rPh>
    <rPh sb="55" eb="56">
      <t>ナイ</t>
    </rPh>
    <rPh sb="58" eb="59">
      <t>ヒク</t>
    </rPh>
    <rPh sb="61" eb="63">
      <t>リョウキン</t>
    </rPh>
    <rPh sb="63" eb="65">
      <t>カイシュウ</t>
    </rPh>
    <rPh sb="65" eb="66">
      <t>リツ</t>
    </rPh>
    <rPh sb="72" eb="73">
      <t>コ</t>
    </rPh>
    <rPh sb="75" eb="77">
      <t>スイジュン</t>
    </rPh>
    <rPh sb="86" eb="88">
      <t>シヒョウ</t>
    </rPh>
    <rPh sb="89" eb="90">
      <t>アラワ</t>
    </rPh>
    <rPh sb="92" eb="94">
      <t>ケッカ</t>
    </rPh>
    <rPh sb="95" eb="97">
      <t>ブンセキ</t>
    </rPh>
    <rPh sb="100" eb="103">
      <t>ヒカクテキ</t>
    </rPh>
    <rPh sb="103" eb="105">
      <t>ケンゼン</t>
    </rPh>
    <rPh sb="106" eb="108">
      <t>ケイエイ</t>
    </rPh>
    <rPh sb="123" eb="125">
      <t>キギョウ</t>
    </rPh>
    <rPh sb="125" eb="126">
      <t>サイ</t>
    </rPh>
    <rPh sb="126" eb="128">
      <t>ザンダカ</t>
    </rPh>
    <rPh sb="128" eb="129">
      <t>タイ</t>
    </rPh>
    <rPh sb="129" eb="131">
      <t>キュウスイ</t>
    </rPh>
    <rPh sb="131" eb="133">
      <t>シュウエキ</t>
    </rPh>
    <rPh sb="133" eb="135">
      <t>ヒリツ</t>
    </rPh>
    <rPh sb="136" eb="138">
      <t>カンロ</t>
    </rPh>
    <rPh sb="138" eb="141">
      <t>ケイネンカ</t>
    </rPh>
    <rPh sb="141" eb="142">
      <t>リツ</t>
    </rPh>
    <rPh sb="143" eb="145">
      <t>カンロ</t>
    </rPh>
    <rPh sb="145" eb="147">
      <t>コウシン</t>
    </rPh>
    <rPh sb="147" eb="148">
      <t>リツ</t>
    </rPh>
    <rPh sb="152" eb="154">
      <t>ルイジ</t>
    </rPh>
    <rPh sb="154" eb="156">
      <t>ダンタイ</t>
    </rPh>
    <rPh sb="157" eb="159">
      <t>ヒカク</t>
    </rPh>
    <rPh sb="161" eb="164">
      <t>ソウゴウテキ</t>
    </rPh>
    <rPh sb="169" eb="171">
      <t>カンロ</t>
    </rPh>
    <rPh sb="171" eb="174">
      <t>ケイネンカ</t>
    </rPh>
    <rPh sb="175" eb="176">
      <t>タイ</t>
    </rPh>
    <rPh sb="178" eb="180">
      <t>カンロ</t>
    </rPh>
    <rPh sb="180" eb="182">
      <t>コウシン</t>
    </rPh>
    <rPh sb="183" eb="184">
      <t>オク</t>
    </rPh>
    <rPh sb="191" eb="192">
      <t>アラ</t>
    </rPh>
    <rPh sb="194" eb="196">
      <t>キギョウ</t>
    </rPh>
    <rPh sb="196" eb="197">
      <t>サイ</t>
    </rPh>
    <rPh sb="198" eb="199">
      <t>カ</t>
    </rPh>
    <rPh sb="200" eb="201">
      <t>イ</t>
    </rPh>
    <rPh sb="203" eb="204">
      <t>オコナ</t>
    </rPh>
    <rPh sb="211" eb="213">
      <t>キギョウ</t>
    </rPh>
    <rPh sb="213" eb="214">
      <t>サイ</t>
    </rPh>
    <rPh sb="214" eb="216">
      <t>ザンダカ</t>
    </rPh>
    <rPh sb="217" eb="219">
      <t>ゲンショウ</t>
    </rPh>
    <rPh sb="219" eb="221">
      <t>ケイコウ</t>
    </rPh>
    <rPh sb="225" eb="227">
      <t>シシン</t>
    </rPh>
    <rPh sb="231" eb="233">
      <t>ケンゼン</t>
    </rPh>
    <rPh sb="233" eb="235">
      <t>ケイエイ</t>
    </rPh>
    <rPh sb="241" eb="243">
      <t>イチメン</t>
    </rPh>
    <rPh sb="244" eb="245">
      <t>カンガ</t>
    </rPh>
    <rPh sb="256" eb="258">
      <t>ケイジョウ</t>
    </rPh>
    <rPh sb="258" eb="260">
      <t>シュウシ</t>
    </rPh>
    <rPh sb="260" eb="262">
      <t>ヒリツ</t>
    </rPh>
    <rPh sb="263" eb="265">
      <t>ゲンショウ</t>
    </rPh>
    <rPh sb="265" eb="267">
      <t>ケイコウ</t>
    </rPh>
    <rPh sb="271" eb="273">
      <t>キュウスイ</t>
    </rPh>
    <rPh sb="273" eb="275">
      <t>シュウエキ</t>
    </rPh>
    <rPh sb="276" eb="278">
      <t>ゲンショウ</t>
    </rPh>
    <rPh sb="279" eb="280">
      <t>タイ</t>
    </rPh>
    <rPh sb="282" eb="284">
      <t>イジ</t>
    </rPh>
    <rPh sb="284" eb="286">
      <t>カンリ</t>
    </rPh>
    <rPh sb="286" eb="288">
      <t>ヒヨウ</t>
    </rPh>
    <rPh sb="289" eb="291">
      <t>ゾウカ</t>
    </rPh>
    <rPh sb="291" eb="293">
      <t>ケイコウ</t>
    </rPh>
    <rPh sb="300" eb="302">
      <t>ショウライ</t>
    </rPh>
    <rPh sb="303" eb="305">
      <t>シセツ</t>
    </rPh>
    <rPh sb="305" eb="307">
      <t>コウシン</t>
    </rPh>
    <rPh sb="308" eb="310">
      <t>ミス</t>
    </rPh>
    <rPh sb="312" eb="313">
      <t>ナカ</t>
    </rPh>
    <rPh sb="340" eb="343">
      <t>テイキテキ</t>
    </rPh>
    <rPh sb="344" eb="346">
      <t>リョウキン</t>
    </rPh>
    <rPh sb="347" eb="349">
      <t>ミナオ</t>
    </rPh>
    <rPh sb="351" eb="352">
      <t>オコナ</t>
    </rPh>
    <rPh sb="358" eb="360">
      <t>シセツ</t>
    </rPh>
    <rPh sb="360" eb="363">
      <t>リヨウリツ</t>
    </rPh>
    <rPh sb="364" eb="365">
      <t>ヒク</t>
    </rPh>
    <rPh sb="366" eb="368">
      <t>ヨウイン</t>
    </rPh>
    <rPh sb="370" eb="371">
      <t>トウ</t>
    </rPh>
    <rPh sb="371" eb="372">
      <t>マチ</t>
    </rPh>
    <rPh sb="373" eb="375">
      <t>キョジュウ</t>
    </rPh>
    <rPh sb="375" eb="377">
      <t>クイキ</t>
    </rPh>
    <rPh sb="378" eb="380">
      <t>コウハン</t>
    </rPh>
    <rPh sb="384" eb="386">
      <t>ジンコウ</t>
    </rPh>
    <rPh sb="386" eb="388">
      <t>ワリアイ</t>
    </rPh>
    <rPh sb="389" eb="390">
      <t>タイ</t>
    </rPh>
    <rPh sb="392" eb="394">
      <t>キュウスイ</t>
    </rPh>
    <rPh sb="394" eb="396">
      <t>シセツ</t>
    </rPh>
    <rPh sb="397" eb="398">
      <t>オオ</t>
    </rPh>
    <rPh sb="399" eb="401">
      <t>ヒツヨウ</t>
    </rPh>
    <rPh sb="405" eb="407">
      <t>ケッカ</t>
    </rPh>
    <rPh sb="410" eb="413">
      <t>リヨウリツ</t>
    </rPh>
    <rPh sb="414" eb="415">
      <t>ヒク</t>
    </rPh>
    <rPh sb="423" eb="425">
      <t>コンゴ</t>
    </rPh>
    <rPh sb="426" eb="428">
      <t>キョクタン</t>
    </rPh>
    <rPh sb="429" eb="431">
      <t>ゲンショウ</t>
    </rPh>
    <rPh sb="432" eb="433">
      <t>テン</t>
    </rPh>
    <rPh sb="438" eb="440">
      <t>ドウコウ</t>
    </rPh>
    <rPh sb="441" eb="443">
      <t>チュウイ</t>
    </rPh>
    <rPh sb="456" eb="458">
      <t>ユウシュウ</t>
    </rPh>
    <rPh sb="458" eb="459">
      <t>リツ</t>
    </rPh>
    <rPh sb="460" eb="462">
      <t>ルイジ</t>
    </rPh>
    <rPh sb="462" eb="464">
      <t>ダンタイ</t>
    </rPh>
    <rPh sb="465" eb="467">
      <t>ヒカク</t>
    </rPh>
    <rPh sb="469" eb="470">
      <t>ヒク</t>
    </rPh>
    <rPh sb="474" eb="476">
      <t>ホンチョウ</t>
    </rPh>
    <rPh sb="477" eb="479">
      <t>リッチ</t>
    </rPh>
    <rPh sb="479" eb="481">
      <t>ジョウケン</t>
    </rPh>
    <rPh sb="483" eb="486">
      <t>コウテイサ</t>
    </rPh>
    <rPh sb="489" eb="492">
      <t>サンカンブ</t>
    </rPh>
    <rPh sb="493" eb="496">
      <t>ハイスイカン</t>
    </rPh>
    <rPh sb="497" eb="499">
      <t>フセツ</t>
    </rPh>
    <rPh sb="505" eb="507">
      <t>ロウスイ</t>
    </rPh>
    <rPh sb="507" eb="509">
      <t>カショ</t>
    </rPh>
    <rPh sb="510" eb="512">
      <t>トクテイ</t>
    </rPh>
    <rPh sb="513" eb="514">
      <t>ムズカ</t>
    </rPh>
    <rPh sb="516" eb="518">
      <t>シュウゼン</t>
    </rPh>
    <rPh sb="518" eb="520">
      <t>タイオウ</t>
    </rPh>
    <rPh sb="521" eb="522">
      <t>スス</t>
    </rPh>
    <rPh sb="531" eb="533">
      <t>コンゴ</t>
    </rPh>
    <rPh sb="533" eb="536">
      <t>ケイカクテキ</t>
    </rPh>
    <rPh sb="537" eb="539">
      <t>フセツ</t>
    </rPh>
    <rPh sb="539" eb="540">
      <t>カ</t>
    </rPh>
    <rPh sb="541" eb="542">
      <t>トウ</t>
    </rPh>
    <rPh sb="543" eb="545">
      <t>ケントウ</t>
    </rPh>
    <phoneticPr fontId="4"/>
  </si>
  <si>
    <t>　平成12年の料金改定以来、企業努力により料金据え置きで運営を行ってまいりましたが、給水収益の減少や維持管理費用の増大、施設更新費用の捻出等、厳しい経営状況に推移することが見込まれますので、平成31年４月に料金改定を実施しましたが、引き続き定期的な料金見直しをして、施設更新を計画的に行っていく必要があります。
　また、下水道工事に併せて一定時期に集中して布設替えを行った管の更新時期の到来や、老朽化した施設の更新等、費用はますます増大することから、施設及び管路の総合的な更新計画を考え、更なる企業努力を行うとともに経営改善を図りつつ、健全な水道事業の運営を目指してまいります。</t>
    <rPh sb="1" eb="3">
      <t>ヘイセイ</t>
    </rPh>
    <rPh sb="5" eb="6">
      <t>ネン</t>
    </rPh>
    <rPh sb="7" eb="9">
      <t>リョウキン</t>
    </rPh>
    <rPh sb="9" eb="11">
      <t>カイテイ</t>
    </rPh>
    <rPh sb="11" eb="13">
      <t>イライ</t>
    </rPh>
    <rPh sb="14" eb="16">
      <t>キギョウ</t>
    </rPh>
    <rPh sb="16" eb="18">
      <t>ドリョク</t>
    </rPh>
    <rPh sb="21" eb="23">
      <t>リョウキン</t>
    </rPh>
    <rPh sb="23" eb="24">
      <t>ス</t>
    </rPh>
    <rPh sb="25" eb="26">
      <t>オ</t>
    </rPh>
    <rPh sb="28" eb="30">
      <t>ウンエイ</t>
    </rPh>
    <rPh sb="31" eb="32">
      <t>オコナ</t>
    </rPh>
    <rPh sb="42" eb="44">
      <t>キュウスイ</t>
    </rPh>
    <rPh sb="44" eb="46">
      <t>シュウエキ</t>
    </rPh>
    <rPh sb="47" eb="49">
      <t>ゲンショウ</t>
    </rPh>
    <rPh sb="50" eb="52">
      <t>イジ</t>
    </rPh>
    <rPh sb="52" eb="54">
      <t>カンリ</t>
    </rPh>
    <rPh sb="54" eb="56">
      <t>ヒヨウ</t>
    </rPh>
    <rPh sb="57" eb="59">
      <t>ゾウダイ</t>
    </rPh>
    <rPh sb="60" eb="62">
      <t>シセツ</t>
    </rPh>
    <rPh sb="62" eb="64">
      <t>コウシン</t>
    </rPh>
    <rPh sb="64" eb="66">
      <t>ヒヨウ</t>
    </rPh>
    <rPh sb="67" eb="69">
      <t>ネンシュツ</t>
    </rPh>
    <rPh sb="69" eb="70">
      <t>トウ</t>
    </rPh>
    <rPh sb="71" eb="72">
      <t>キビ</t>
    </rPh>
    <rPh sb="74" eb="76">
      <t>ケイエイ</t>
    </rPh>
    <rPh sb="76" eb="78">
      <t>ジョウキョウ</t>
    </rPh>
    <rPh sb="79" eb="81">
      <t>スイイ</t>
    </rPh>
    <rPh sb="86" eb="88">
      <t>ミコ</t>
    </rPh>
    <rPh sb="120" eb="123">
      <t>テイキテキ</t>
    </rPh>
    <rPh sb="124" eb="126">
      <t>リョウキン</t>
    </rPh>
    <rPh sb="126" eb="128">
      <t>ミナオ</t>
    </rPh>
    <rPh sb="133" eb="135">
      <t>シセツ</t>
    </rPh>
    <rPh sb="135" eb="137">
      <t>コウシン</t>
    </rPh>
    <rPh sb="138" eb="141">
      <t>ケイカクテキ</t>
    </rPh>
    <rPh sb="142" eb="143">
      <t>オコナ</t>
    </rPh>
    <rPh sb="147" eb="149">
      <t>ヒツヨウ</t>
    </rPh>
    <rPh sb="160" eb="163">
      <t>ゲスイドウ</t>
    </rPh>
    <rPh sb="163" eb="165">
      <t>コウジ</t>
    </rPh>
    <rPh sb="166" eb="167">
      <t>アワ</t>
    </rPh>
    <rPh sb="169" eb="171">
      <t>イッテイ</t>
    </rPh>
    <rPh sb="171" eb="173">
      <t>ジキ</t>
    </rPh>
    <rPh sb="174" eb="176">
      <t>シュウチュウ</t>
    </rPh>
    <rPh sb="178" eb="180">
      <t>フセツ</t>
    </rPh>
    <rPh sb="180" eb="181">
      <t>カ</t>
    </rPh>
    <rPh sb="183" eb="184">
      <t>オコナ</t>
    </rPh>
    <rPh sb="186" eb="187">
      <t>カン</t>
    </rPh>
    <rPh sb="188" eb="190">
      <t>コウシン</t>
    </rPh>
    <rPh sb="190" eb="192">
      <t>ジキ</t>
    </rPh>
    <rPh sb="193" eb="195">
      <t>トウライ</t>
    </rPh>
    <rPh sb="197" eb="200">
      <t>ロウキュウカ</t>
    </rPh>
    <rPh sb="202" eb="204">
      <t>シセツ</t>
    </rPh>
    <rPh sb="205" eb="207">
      <t>コウシン</t>
    </rPh>
    <rPh sb="207" eb="208">
      <t>トウ</t>
    </rPh>
    <rPh sb="209" eb="211">
      <t>ヒヨウ</t>
    </rPh>
    <rPh sb="216" eb="218">
      <t>ゾウダイ</t>
    </rPh>
    <rPh sb="225" eb="227">
      <t>シセツ</t>
    </rPh>
    <rPh sb="227" eb="228">
      <t>オヨ</t>
    </rPh>
    <rPh sb="229" eb="231">
      <t>カンロ</t>
    </rPh>
    <rPh sb="232" eb="235">
      <t>ソウゴウテキ</t>
    </rPh>
    <rPh sb="236" eb="238">
      <t>コウシン</t>
    </rPh>
    <rPh sb="238" eb="240">
      <t>ケイカク</t>
    </rPh>
    <rPh sb="241" eb="242">
      <t>カンガ</t>
    </rPh>
    <rPh sb="244" eb="245">
      <t>サラ</t>
    </rPh>
    <rPh sb="247" eb="249">
      <t>キギョウ</t>
    </rPh>
    <rPh sb="249" eb="251">
      <t>ドリョク</t>
    </rPh>
    <rPh sb="252" eb="253">
      <t>オコナ</t>
    </rPh>
    <rPh sb="258" eb="260">
      <t>ケイエイ</t>
    </rPh>
    <rPh sb="260" eb="262">
      <t>カイゼン</t>
    </rPh>
    <rPh sb="263" eb="264">
      <t>ハカ</t>
    </rPh>
    <rPh sb="268" eb="270">
      <t>ケンゼン</t>
    </rPh>
    <rPh sb="271" eb="273">
      <t>スイドウ</t>
    </rPh>
    <rPh sb="273" eb="275">
      <t>ジギョウ</t>
    </rPh>
    <rPh sb="276" eb="278">
      <t>ウンエイ</t>
    </rPh>
    <rPh sb="279" eb="281">
      <t>メザ</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formatCode="#,##0.00;&quot;△&quot;#,##0.00;&quot;-&quot;">
                  <c:v>0.01</c:v>
                </c:pt>
                <c:pt idx="1">
                  <c:v>0</c:v>
                </c:pt>
                <c:pt idx="2">
                  <c:v>0</c:v>
                </c:pt>
                <c:pt idx="3" formatCode="#,##0.00;&quot;△&quot;#,##0.00;&quot;-&quot;">
                  <c:v>0.71</c:v>
                </c:pt>
                <c:pt idx="4" formatCode="#,##0.00;&quot;△&quot;#,##0.00;&quot;-&quot;">
                  <c:v>0.2</c:v>
                </c:pt>
              </c:numCache>
            </c:numRef>
          </c:val>
          <c:extLst xmlns:c16r2="http://schemas.microsoft.com/office/drawing/2015/06/chart">
            <c:ext xmlns:c16="http://schemas.microsoft.com/office/drawing/2014/chart" uri="{C3380CC4-5D6E-409C-BE32-E72D297353CC}">
              <c16:uniqueId val="{00000000-0E4E-43B4-875B-0477DAFF68FF}"/>
            </c:ext>
          </c:extLst>
        </c:ser>
        <c:dLbls>
          <c:showLegendKey val="0"/>
          <c:showVal val="0"/>
          <c:showCatName val="0"/>
          <c:showSerName val="0"/>
          <c:showPercent val="0"/>
          <c:showBubbleSize val="0"/>
        </c:dLbls>
        <c:gapWidth val="150"/>
        <c:axId val="341938424"/>
        <c:axId val="3419388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8</c:v>
                </c:pt>
                <c:pt idx="1">
                  <c:v>1.65</c:v>
                </c:pt>
                <c:pt idx="2">
                  <c:v>0.47</c:v>
                </c:pt>
                <c:pt idx="3">
                  <c:v>0.39</c:v>
                </c:pt>
                <c:pt idx="4">
                  <c:v>0.43</c:v>
                </c:pt>
              </c:numCache>
            </c:numRef>
          </c:val>
          <c:smooth val="0"/>
          <c:extLst xmlns:c16r2="http://schemas.microsoft.com/office/drawing/2015/06/chart">
            <c:ext xmlns:c16="http://schemas.microsoft.com/office/drawing/2014/chart" uri="{C3380CC4-5D6E-409C-BE32-E72D297353CC}">
              <c16:uniqueId val="{00000001-0E4E-43B4-875B-0477DAFF68FF}"/>
            </c:ext>
          </c:extLst>
        </c:ser>
        <c:dLbls>
          <c:showLegendKey val="0"/>
          <c:showVal val="0"/>
          <c:showCatName val="0"/>
          <c:showSerName val="0"/>
          <c:showPercent val="0"/>
          <c:showBubbleSize val="0"/>
        </c:dLbls>
        <c:marker val="1"/>
        <c:smooth val="0"/>
        <c:axId val="341938424"/>
        <c:axId val="341938816"/>
      </c:lineChart>
      <c:dateAx>
        <c:axId val="341938424"/>
        <c:scaling>
          <c:orientation val="minMax"/>
        </c:scaling>
        <c:delete val="1"/>
        <c:axPos val="b"/>
        <c:numFmt formatCode="ge" sourceLinked="1"/>
        <c:majorTickMark val="none"/>
        <c:minorTickMark val="none"/>
        <c:tickLblPos val="none"/>
        <c:crossAx val="341938816"/>
        <c:crosses val="autoZero"/>
        <c:auto val="1"/>
        <c:lblOffset val="100"/>
        <c:baseTimeUnit val="years"/>
      </c:dateAx>
      <c:valAx>
        <c:axId val="341938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9384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42.81</c:v>
                </c:pt>
                <c:pt idx="1">
                  <c:v>44.58</c:v>
                </c:pt>
                <c:pt idx="2">
                  <c:v>43.18</c:v>
                </c:pt>
                <c:pt idx="3">
                  <c:v>44.52</c:v>
                </c:pt>
                <c:pt idx="4">
                  <c:v>45.39</c:v>
                </c:pt>
              </c:numCache>
            </c:numRef>
          </c:val>
          <c:extLst xmlns:c16r2="http://schemas.microsoft.com/office/drawing/2015/06/chart">
            <c:ext xmlns:c16="http://schemas.microsoft.com/office/drawing/2014/chart" uri="{C3380CC4-5D6E-409C-BE32-E72D297353CC}">
              <c16:uniqueId val="{00000000-7D10-4A6B-8687-80DACA0B8E49}"/>
            </c:ext>
          </c:extLst>
        </c:ser>
        <c:dLbls>
          <c:showLegendKey val="0"/>
          <c:showVal val="0"/>
          <c:showCatName val="0"/>
          <c:showSerName val="0"/>
          <c:showPercent val="0"/>
          <c:showBubbleSize val="0"/>
        </c:dLbls>
        <c:gapWidth val="150"/>
        <c:axId val="342376352"/>
        <c:axId val="342374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3.61</c:v>
                </c:pt>
                <c:pt idx="1">
                  <c:v>53.52</c:v>
                </c:pt>
                <c:pt idx="2">
                  <c:v>54.24</c:v>
                </c:pt>
                <c:pt idx="3">
                  <c:v>55.88</c:v>
                </c:pt>
                <c:pt idx="4">
                  <c:v>55.22</c:v>
                </c:pt>
              </c:numCache>
            </c:numRef>
          </c:val>
          <c:smooth val="0"/>
          <c:extLst xmlns:c16r2="http://schemas.microsoft.com/office/drawing/2015/06/chart">
            <c:ext xmlns:c16="http://schemas.microsoft.com/office/drawing/2014/chart" uri="{C3380CC4-5D6E-409C-BE32-E72D297353CC}">
              <c16:uniqueId val="{00000001-7D10-4A6B-8687-80DACA0B8E49}"/>
            </c:ext>
          </c:extLst>
        </c:ser>
        <c:dLbls>
          <c:showLegendKey val="0"/>
          <c:showVal val="0"/>
          <c:showCatName val="0"/>
          <c:showSerName val="0"/>
          <c:showPercent val="0"/>
          <c:showBubbleSize val="0"/>
        </c:dLbls>
        <c:marker val="1"/>
        <c:smooth val="0"/>
        <c:axId val="342376352"/>
        <c:axId val="342374784"/>
      </c:lineChart>
      <c:dateAx>
        <c:axId val="342376352"/>
        <c:scaling>
          <c:orientation val="minMax"/>
        </c:scaling>
        <c:delete val="1"/>
        <c:axPos val="b"/>
        <c:numFmt formatCode="ge" sourceLinked="1"/>
        <c:majorTickMark val="none"/>
        <c:minorTickMark val="none"/>
        <c:tickLblPos val="none"/>
        <c:crossAx val="342374784"/>
        <c:crosses val="autoZero"/>
        <c:auto val="1"/>
        <c:lblOffset val="100"/>
        <c:baseTimeUnit val="years"/>
      </c:dateAx>
      <c:valAx>
        <c:axId val="3423747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3763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77.37</c:v>
                </c:pt>
                <c:pt idx="1">
                  <c:v>72.069999999999993</c:v>
                </c:pt>
                <c:pt idx="2">
                  <c:v>73.239999999999995</c:v>
                </c:pt>
                <c:pt idx="3">
                  <c:v>70.72</c:v>
                </c:pt>
                <c:pt idx="4">
                  <c:v>68.180000000000007</c:v>
                </c:pt>
              </c:numCache>
            </c:numRef>
          </c:val>
          <c:extLst xmlns:c16r2="http://schemas.microsoft.com/office/drawing/2015/06/chart">
            <c:ext xmlns:c16="http://schemas.microsoft.com/office/drawing/2014/chart" uri="{C3380CC4-5D6E-409C-BE32-E72D297353CC}">
              <c16:uniqueId val="{00000000-31BD-40F8-A555-653000256143}"/>
            </c:ext>
          </c:extLst>
        </c:ser>
        <c:dLbls>
          <c:showLegendKey val="0"/>
          <c:showVal val="0"/>
          <c:showCatName val="0"/>
          <c:showSerName val="0"/>
          <c:showPercent val="0"/>
          <c:showBubbleSize val="0"/>
        </c:dLbls>
        <c:gapWidth val="150"/>
        <c:axId val="342370080"/>
        <c:axId val="342375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1.31</c:v>
                </c:pt>
                <c:pt idx="1">
                  <c:v>81.459999999999994</c:v>
                </c:pt>
                <c:pt idx="2">
                  <c:v>81.680000000000007</c:v>
                </c:pt>
                <c:pt idx="3">
                  <c:v>80.989999999999995</c:v>
                </c:pt>
                <c:pt idx="4">
                  <c:v>80.930000000000007</c:v>
                </c:pt>
              </c:numCache>
            </c:numRef>
          </c:val>
          <c:smooth val="0"/>
          <c:extLst xmlns:c16r2="http://schemas.microsoft.com/office/drawing/2015/06/chart">
            <c:ext xmlns:c16="http://schemas.microsoft.com/office/drawing/2014/chart" uri="{C3380CC4-5D6E-409C-BE32-E72D297353CC}">
              <c16:uniqueId val="{00000001-31BD-40F8-A555-653000256143}"/>
            </c:ext>
          </c:extLst>
        </c:ser>
        <c:dLbls>
          <c:showLegendKey val="0"/>
          <c:showVal val="0"/>
          <c:showCatName val="0"/>
          <c:showSerName val="0"/>
          <c:showPercent val="0"/>
          <c:showBubbleSize val="0"/>
        </c:dLbls>
        <c:marker val="1"/>
        <c:smooth val="0"/>
        <c:axId val="342370080"/>
        <c:axId val="342375960"/>
      </c:lineChart>
      <c:dateAx>
        <c:axId val="342370080"/>
        <c:scaling>
          <c:orientation val="minMax"/>
        </c:scaling>
        <c:delete val="1"/>
        <c:axPos val="b"/>
        <c:numFmt formatCode="ge" sourceLinked="1"/>
        <c:majorTickMark val="none"/>
        <c:minorTickMark val="none"/>
        <c:tickLblPos val="none"/>
        <c:crossAx val="342375960"/>
        <c:crosses val="autoZero"/>
        <c:auto val="1"/>
        <c:lblOffset val="100"/>
        <c:baseTimeUnit val="years"/>
      </c:dateAx>
      <c:valAx>
        <c:axId val="3423759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370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05.88</c:v>
                </c:pt>
                <c:pt idx="1">
                  <c:v>107.35</c:v>
                </c:pt>
                <c:pt idx="2">
                  <c:v>105.37</c:v>
                </c:pt>
                <c:pt idx="3">
                  <c:v>102.64</c:v>
                </c:pt>
                <c:pt idx="4">
                  <c:v>102.56</c:v>
                </c:pt>
              </c:numCache>
            </c:numRef>
          </c:val>
          <c:extLst xmlns:c16r2="http://schemas.microsoft.com/office/drawing/2015/06/chart">
            <c:ext xmlns:c16="http://schemas.microsoft.com/office/drawing/2014/chart" uri="{C3380CC4-5D6E-409C-BE32-E72D297353CC}">
              <c16:uniqueId val="{00000000-4679-48D5-9AFA-CACC3C8AA029}"/>
            </c:ext>
          </c:extLst>
        </c:ser>
        <c:dLbls>
          <c:showLegendKey val="0"/>
          <c:showVal val="0"/>
          <c:showCatName val="0"/>
          <c:showSerName val="0"/>
          <c:showPercent val="0"/>
          <c:showBubbleSize val="0"/>
        </c:dLbls>
        <c:gapWidth val="150"/>
        <c:axId val="341939208"/>
        <c:axId val="341939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9.49</c:v>
                </c:pt>
                <c:pt idx="1">
                  <c:v>111.06</c:v>
                </c:pt>
                <c:pt idx="2">
                  <c:v>111.34</c:v>
                </c:pt>
                <c:pt idx="3">
                  <c:v>110.02</c:v>
                </c:pt>
                <c:pt idx="4">
                  <c:v>108.76</c:v>
                </c:pt>
              </c:numCache>
            </c:numRef>
          </c:val>
          <c:smooth val="0"/>
          <c:extLst xmlns:c16r2="http://schemas.microsoft.com/office/drawing/2015/06/chart">
            <c:ext xmlns:c16="http://schemas.microsoft.com/office/drawing/2014/chart" uri="{C3380CC4-5D6E-409C-BE32-E72D297353CC}">
              <c16:uniqueId val="{00000001-4679-48D5-9AFA-CACC3C8AA029}"/>
            </c:ext>
          </c:extLst>
        </c:ser>
        <c:dLbls>
          <c:showLegendKey val="0"/>
          <c:showVal val="0"/>
          <c:showCatName val="0"/>
          <c:showSerName val="0"/>
          <c:showPercent val="0"/>
          <c:showBubbleSize val="0"/>
        </c:dLbls>
        <c:marker val="1"/>
        <c:smooth val="0"/>
        <c:axId val="341939208"/>
        <c:axId val="341939992"/>
      </c:lineChart>
      <c:dateAx>
        <c:axId val="341939208"/>
        <c:scaling>
          <c:orientation val="minMax"/>
        </c:scaling>
        <c:delete val="1"/>
        <c:axPos val="b"/>
        <c:numFmt formatCode="ge" sourceLinked="1"/>
        <c:majorTickMark val="none"/>
        <c:minorTickMark val="none"/>
        <c:tickLblPos val="none"/>
        <c:crossAx val="341939992"/>
        <c:crosses val="autoZero"/>
        <c:auto val="1"/>
        <c:lblOffset val="100"/>
        <c:baseTimeUnit val="years"/>
      </c:dateAx>
      <c:valAx>
        <c:axId val="34193999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1939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47.89</c:v>
                </c:pt>
                <c:pt idx="1">
                  <c:v>49.73</c:v>
                </c:pt>
                <c:pt idx="2">
                  <c:v>51.18</c:v>
                </c:pt>
                <c:pt idx="3">
                  <c:v>52.74</c:v>
                </c:pt>
                <c:pt idx="4">
                  <c:v>54.78</c:v>
                </c:pt>
              </c:numCache>
            </c:numRef>
          </c:val>
          <c:extLst xmlns:c16r2="http://schemas.microsoft.com/office/drawing/2015/06/chart">
            <c:ext xmlns:c16="http://schemas.microsoft.com/office/drawing/2014/chart" uri="{C3380CC4-5D6E-409C-BE32-E72D297353CC}">
              <c16:uniqueId val="{00000000-0B22-4033-82B5-8AD4D441C5F3}"/>
            </c:ext>
          </c:extLst>
        </c:ser>
        <c:dLbls>
          <c:showLegendKey val="0"/>
          <c:showVal val="0"/>
          <c:showCatName val="0"/>
          <c:showSerName val="0"/>
          <c:showPercent val="0"/>
          <c:showBubbleSize val="0"/>
        </c:dLbls>
        <c:gapWidth val="150"/>
        <c:axId val="341941560"/>
        <c:axId val="341941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6.67</c:v>
                </c:pt>
                <c:pt idx="1">
                  <c:v>47.7</c:v>
                </c:pt>
                <c:pt idx="2">
                  <c:v>48.14</c:v>
                </c:pt>
                <c:pt idx="3">
                  <c:v>46.61</c:v>
                </c:pt>
                <c:pt idx="4">
                  <c:v>47.97</c:v>
                </c:pt>
              </c:numCache>
            </c:numRef>
          </c:val>
          <c:smooth val="0"/>
          <c:extLst xmlns:c16r2="http://schemas.microsoft.com/office/drawing/2015/06/chart">
            <c:ext xmlns:c16="http://schemas.microsoft.com/office/drawing/2014/chart" uri="{C3380CC4-5D6E-409C-BE32-E72D297353CC}">
              <c16:uniqueId val="{00000001-0B22-4033-82B5-8AD4D441C5F3}"/>
            </c:ext>
          </c:extLst>
        </c:ser>
        <c:dLbls>
          <c:showLegendKey val="0"/>
          <c:showVal val="0"/>
          <c:showCatName val="0"/>
          <c:showSerName val="0"/>
          <c:showPercent val="0"/>
          <c:showBubbleSize val="0"/>
        </c:dLbls>
        <c:marker val="1"/>
        <c:smooth val="0"/>
        <c:axId val="341941560"/>
        <c:axId val="341941952"/>
      </c:lineChart>
      <c:dateAx>
        <c:axId val="341941560"/>
        <c:scaling>
          <c:orientation val="minMax"/>
        </c:scaling>
        <c:delete val="1"/>
        <c:axPos val="b"/>
        <c:numFmt formatCode="ge" sourceLinked="1"/>
        <c:majorTickMark val="none"/>
        <c:minorTickMark val="none"/>
        <c:tickLblPos val="none"/>
        <c:crossAx val="341941952"/>
        <c:crosses val="autoZero"/>
        <c:auto val="1"/>
        <c:lblOffset val="100"/>
        <c:baseTimeUnit val="years"/>
      </c:dateAx>
      <c:valAx>
        <c:axId val="341941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9415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15.99</c:v>
                </c:pt>
                <c:pt idx="1">
                  <c:v>15.9</c:v>
                </c:pt>
                <c:pt idx="2">
                  <c:v>24.74</c:v>
                </c:pt>
                <c:pt idx="3">
                  <c:v>39.450000000000003</c:v>
                </c:pt>
                <c:pt idx="4">
                  <c:v>43.12</c:v>
                </c:pt>
              </c:numCache>
            </c:numRef>
          </c:val>
          <c:extLst xmlns:c16r2="http://schemas.microsoft.com/office/drawing/2015/06/chart">
            <c:ext xmlns:c16="http://schemas.microsoft.com/office/drawing/2014/chart" uri="{C3380CC4-5D6E-409C-BE32-E72D297353CC}">
              <c16:uniqueId val="{00000000-84D5-4C0B-953F-7C5DFFA50C3F}"/>
            </c:ext>
          </c:extLst>
        </c:ser>
        <c:dLbls>
          <c:showLegendKey val="0"/>
          <c:showVal val="0"/>
          <c:showCatName val="0"/>
          <c:showSerName val="0"/>
          <c:showPercent val="0"/>
          <c:showBubbleSize val="0"/>
        </c:dLbls>
        <c:gapWidth val="150"/>
        <c:axId val="342032832"/>
        <c:axId val="3420296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0.029999999999999</c:v>
                </c:pt>
                <c:pt idx="1">
                  <c:v>7.26</c:v>
                </c:pt>
                <c:pt idx="2">
                  <c:v>11.13</c:v>
                </c:pt>
                <c:pt idx="3">
                  <c:v>10.84</c:v>
                </c:pt>
                <c:pt idx="4">
                  <c:v>15.33</c:v>
                </c:pt>
              </c:numCache>
            </c:numRef>
          </c:val>
          <c:smooth val="0"/>
          <c:extLst xmlns:c16r2="http://schemas.microsoft.com/office/drawing/2015/06/chart">
            <c:ext xmlns:c16="http://schemas.microsoft.com/office/drawing/2014/chart" uri="{C3380CC4-5D6E-409C-BE32-E72D297353CC}">
              <c16:uniqueId val="{00000001-84D5-4C0B-953F-7C5DFFA50C3F}"/>
            </c:ext>
          </c:extLst>
        </c:ser>
        <c:dLbls>
          <c:showLegendKey val="0"/>
          <c:showVal val="0"/>
          <c:showCatName val="0"/>
          <c:showSerName val="0"/>
          <c:showPercent val="0"/>
          <c:showBubbleSize val="0"/>
        </c:dLbls>
        <c:marker val="1"/>
        <c:smooth val="0"/>
        <c:axId val="342032832"/>
        <c:axId val="342029696"/>
      </c:lineChart>
      <c:dateAx>
        <c:axId val="342032832"/>
        <c:scaling>
          <c:orientation val="minMax"/>
        </c:scaling>
        <c:delete val="1"/>
        <c:axPos val="b"/>
        <c:numFmt formatCode="ge" sourceLinked="1"/>
        <c:majorTickMark val="none"/>
        <c:minorTickMark val="none"/>
        <c:tickLblPos val="none"/>
        <c:crossAx val="342029696"/>
        <c:crosses val="autoZero"/>
        <c:auto val="1"/>
        <c:lblOffset val="100"/>
        <c:baseTimeUnit val="years"/>
      </c:dateAx>
      <c:valAx>
        <c:axId val="3420296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32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C244-4EE5-9628-71D7AF2A40EE}"/>
            </c:ext>
          </c:extLst>
        </c:ser>
        <c:dLbls>
          <c:showLegendKey val="0"/>
          <c:showVal val="0"/>
          <c:showCatName val="0"/>
          <c:showSerName val="0"/>
          <c:showPercent val="0"/>
          <c:showBubbleSize val="0"/>
        </c:dLbls>
        <c:gapWidth val="150"/>
        <c:axId val="342030480"/>
        <c:axId val="342035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9.49</c:v>
                </c:pt>
                <c:pt idx="1">
                  <c:v>9.35</c:v>
                </c:pt>
                <c:pt idx="2">
                  <c:v>10.130000000000001</c:v>
                </c:pt>
                <c:pt idx="3">
                  <c:v>7.31</c:v>
                </c:pt>
                <c:pt idx="4">
                  <c:v>7.48</c:v>
                </c:pt>
              </c:numCache>
            </c:numRef>
          </c:val>
          <c:smooth val="0"/>
          <c:extLst xmlns:c16r2="http://schemas.microsoft.com/office/drawing/2015/06/chart">
            <c:ext xmlns:c16="http://schemas.microsoft.com/office/drawing/2014/chart" uri="{C3380CC4-5D6E-409C-BE32-E72D297353CC}">
              <c16:uniqueId val="{00000001-C244-4EE5-9628-71D7AF2A40EE}"/>
            </c:ext>
          </c:extLst>
        </c:ser>
        <c:dLbls>
          <c:showLegendKey val="0"/>
          <c:showVal val="0"/>
          <c:showCatName val="0"/>
          <c:showSerName val="0"/>
          <c:showPercent val="0"/>
          <c:showBubbleSize val="0"/>
        </c:dLbls>
        <c:marker val="1"/>
        <c:smooth val="0"/>
        <c:axId val="342030480"/>
        <c:axId val="342035968"/>
      </c:lineChart>
      <c:dateAx>
        <c:axId val="342030480"/>
        <c:scaling>
          <c:orientation val="minMax"/>
        </c:scaling>
        <c:delete val="1"/>
        <c:axPos val="b"/>
        <c:numFmt formatCode="ge" sourceLinked="1"/>
        <c:majorTickMark val="none"/>
        <c:minorTickMark val="none"/>
        <c:tickLblPos val="none"/>
        <c:crossAx val="342035968"/>
        <c:crosses val="autoZero"/>
        <c:auto val="1"/>
        <c:lblOffset val="100"/>
        <c:baseTimeUnit val="years"/>
      </c:dateAx>
      <c:valAx>
        <c:axId val="34203596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2030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530.05999999999995</c:v>
                </c:pt>
                <c:pt idx="1">
                  <c:v>574.27</c:v>
                </c:pt>
                <c:pt idx="2">
                  <c:v>605.57000000000005</c:v>
                </c:pt>
                <c:pt idx="3">
                  <c:v>533.4</c:v>
                </c:pt>
                <c:pt idx="4">
                  <c:v>540.41999999999996</c:v>
                </c:pt>
              </c:numCache>
            </c:numRef>
          </c:val>
          <c:extLst xmlns:c16r2="http://schemas.microsoft.com/office/drawing/2015/06/chart">
            <c:ext xmlns:c16="http://schemas.microsoft.com/office/drawing/2014/chart" uri="{C3380CC4-5D6E-409C-BE32-E72D297353CC}">
              <c16:uniqueId val="{00000000-45FB-43E6-BF17-B81C72C5F36C}"/>
            </c:ext>
          </c:extLst>
        </c:ser>
        <c:dLbls>
          <c:showLegendKey val="0"/>
          <c:showVal val="0"/>
          <c:showCatName val="0"/>
          <c:showSerName val="0"/>
          <c:showPercent val="0"/>
          <c:showBubbleSize val="0"/>
        </c:dLbls>
        <c:gapWidth val="150"/>
        <c:axId val="342030088"/>
        <c:axId val="342034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406.37</c:v>
                </c:pt>
                <c:pt idx="1">
                  <c:v>398.29</c:v>
                </c:pt>
                <c:pt idx="2">
                  <c:v>388.67</c:v>
                </c:pt>
                <c:pt idx="3">
                  <c:v>355.27</c:v>
                </c:pt>
                <c:pt idx="4">
                  <c:v>359.7</c:v>
                </c:pt>
              </c:numCache>
            </c:numRef>
          </c:val>
          <c:smooth val="0"/>
          <c:extLst xmlns:c16r2="http://schemas.microsoft.com/office/drawing/2015/06/chart">
            <c:ext xmlns:c16="http://schemas.microsoft.com/office/drawing/2014/chart" uri="{C3380CC4-5D6E-409C-BE32-E72D297353CC}">
              <c16:uniqueId val="{00000001-45FB-43E6-BF17-B81C72C5F36C}"/>
            </c:ext>
          </c:extLst>
        </c:ser>
        <c:dLbls>
          <c:showLegendKey val="0"/>
          <c:showVal val="0"/>
          <c:showCatName val="0"/>
          <c:showSerName val="0"/>
          <c:showPercent val="0"/>
          <c:showBubbleSize val="0"/>
        </c:dLbls>
        <c:marker val="1"/>
        <c:smooth val="0"/>
        <c:axId val="342030088"/>
        <c:axId val="342034792"/>
      </c:lineChart>
      <c:dateAx>
        <c:axId val="342030088"/>
        <c:scaling>
          <c:orientation val="minMax"/>
        </c:scaling>
        <c:delete val="1"/>
        <c:axPos val="b"/>
        <c:numFmt formatCode="ge" sourceLinked="1"/>
        <c:majorTickMark val="none"/>
        <c:minorTickMark val="none"/>
        <c:tickLblPos val="none"/>
        <c:crossAx val="342034792"/>
        <c:crosses val="autoZero"/>
        <c:auto val="1"/>
        <c:lblOffset val="100"/>
        <c:baseTimeUnit val="years"/>
      </c:dateAx>
      <c:valAx>
        <c:axId val="34203479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20300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323.20999999999998</c:v>
                </c:pt>
                <c:pt idx="1">
                  <c:v>310.61</c:v>
                </c:pt>
                <c:pt idx="2">
                  <c:v>292.92</c:v>
                </c:pt>
                <c:pt idx="3">
                  <c:v>267.81</c:v>
                </c:pt>
                <c:pt idx="4">
                  <c:v>247.14</c:v>
                </c:pt>
              </c:numCache>
            </c:numRef>
          </c:val>
          <c:extLst xmlns:c16r2="http://schemas.microsoft.com/office/drawing/2015/06/chart">
            <c:ext xmlns:c16="http://schemas.microsoft.com/office/drawing/2014/chart" uri="{C3380CC4-5D6E-409C-BE32-E72D297353CC}">
              <c16:uniqueId val="{00000000-933B-4A05-AE8C-AA0525EB90F8}"/>
            </c:ext>
          </c:extLst>
        </c:ser>
        <c:dLbls>
          <c:showLegendKey val="0"/>
          <c:showVal val="0"/>
          <c:showCatName val="0"/>
          <c:showSerName val="0"/>
          <c:showPercent val="0"/>
          <c:showBubbleSize val="0"/>
        </c:dLbls>
        <c:gapWidth val="150"/>
        <c:axId val="342032048"/>
        <c:axId val="342033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42.54</c:v>
                </c:pt>
                <c:pt idx="1">
                  <c:v>431</c:v>
                </c:pt>
                <c:pt idx="2">
                  <c:v>422.5</c:v>
                </c:pt>
                <c:pt idx="3">
                  <c:v>458.27</c:v>
                </c:pt>
                <c:pt idx="4">
                  <c:v>447.01</c:v>
                </c:pt>
              </c:numCache>
            </c:numRef>
          </c:val>
          <c:smooth val="0"/>
          <c:extLst xmlns:c16r2="http://schemas.microsoft.com/office/drawing/2015/06/chart">
            <c:ext xmlns:c16="http://schemas.microsoft.com/office/drawing/2014/chart" uri="{C3380CC4-5D6E-409C-BE32-E72D297353CC}">
              <c16:uniqueId val="{00000001-933B-4A05-AE8C-AA0525EB90F8}"/>
            </c:ext>
          </c:extLst>
        </c:ser>
        <c:dLbls>
          <c:showLegendKey val="0"/>
          <c:showVal val="0"/>
          <c:showCatName val="0"/>
          <c:showSerName val="0"/>
          <c:showPercent val="0"/>
          <c:showBubbleSize val="0"/>
        </c:dLbls>
        <c:marker val="1"/>
        <c:smooth val="0"/>
        <c:axId val="342032048"/>
        <c:axId val="342033616"/>
      </c:lineChart>
      <c:dateAx>
        <c:axId val="342032048"/>
        <c:scaling>
          <c:orientation val="minMax"/>
        </c:scaling>
        <c:delete val="1"/>
        <c:axPos val="b"/>
        <c:numFmt formatCode="ge" sourceLinked="1"/>
        <c:majorTickMark val="none"/>
        <c:minorTickMark val="none"/>
        <c:tickLblPos val="none"/>
        <c:crossAx val="342033616"/>
        <c:crosses val="autoZero"/>
        <c:auto val="1"/>
        <c:lblOffset val="100"/>
        <c:baseTimeUnit val="years"/>
      </c:dateAx>
      <c:valAx>
        <c:axId val="34203361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2032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107.7</c:v>
                </c:pt>
                <c:pt idx="1">
                  <c:v>109.27</c:v>
                </c:pt>
                <c:pt idx="2">
                  <c:v>107.02</c:v>
                </c:pt>
                <c:pt idx="3">
                  <c:v>103.03</c:v>
                </c:pt>
                <c:pt idx="4">
                  <c:v>102.64</c:v>
                </c:pt>
              </c:numCache>
            </c:numRef>
          </c:val>
          <c:extLst xmlns:c16r2="http://schemas.microsoft.com/office/drawing/2015/06/chart">
            <c:ext xmlns:c16="http://schemas.microsoft.com/office/drawing/2014/chart" uri="{C3380CC4-5D6E-409C-BE32-E72D297353CC}">
              <c16:uniqueId val="{00000000-CB5E-4D08-B7C2-63F095E845DD}"/>
            </c:ext>
          </c:extLst>
        </c:ser>
        <c:dLbls>
          <c:showLegendKey val="0"/>
          <c:showVal val="0"/>
          <c:showCatName val="0"/>
          <c:showSerName val="0"/>
          <c:showPercent val="0"/>
          <c:showBubbleSize val="0"/>
        </c:dLbls>
        <c:gapWidth val="150"/>
        <c:axId val="342035184"/>
        <c:axId val="342028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8.6</c:v>
                </c:pt>
                <c:pt idx="1">
                  <c:v>100.82</c:v>
                </c:pt>
                <c:pt idx="2">
                  <c:v>101.64</c:v>
                </c:pt>
                <c:pt idx="3">
                  <c:v>96.77</c:v>
                </c:pt>
                <c:pt idx="4">
                  <c:v>95.81</c:v>
                </c:pt>
              </c:numCache>
            </c:numRef>
          </c:val>
          <c:smooth val="0"/>
          <c:extLst xmlns:c16r2="http://schemas.microsoft.com/office/drawing/2015/06/chart">
            <c:ext xmlns:c16="http://schemas.microsoft.com/office/drawing/2014/chart" uri="{C3380CC4-5D6E-409C-BE32-E72D297353CC}">
              <c16:uniqueId val="{00000001-CB5E-4D08-B7C2-63F095E845DD}"/>
            </c:ext>
          </c:extLst>
        </c:ser>
        <c:dLbls>
          <c:showLegendKey val="0"/>
          <c:showVal val="0"/>
          <c:showCatName val="0"/>
          <c:showSerName val="0"/>
          <c:showPercent val="0"/>
          <c:showBubbleSize val="0"/>
        </c:dLbls>
        <c:marker val="1"/>
        <c:smooth val="0"/>
        <c:axId val="342035184"/>
        <c:axId val="342028912"/>
      </c:lineChart>
      <c:dateAx>
        <c:axId val="342035184"/>
        <c:scaling>
          <c:orientation val="minMax"/>
        </c:scaling>
        <c:delete val="1"/>
        <c:axPos val="b"/>
        <c:numFmt formatCode="ge" sourceLinked="1"/>
        <c:majorTickMark val="none"/>
        <c:minorTickMark val="none"/>
        <c:tickLblPos val="none"/>
        <c:crossAx val="342028912"/>
        <c:crosses val="autoZero"/>
        <c:auto val="1"/>
        <c:lblOffset val="100"/>
        <c:baseTimeUnit val="years"/>
      </c:dateAx>
      <c:valAx>
        <c:axId val="342028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35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00.27</c:v>
                </c:pt>
                <c:pt idx="1">
                  <c:v>98.58</c:v>
                </c:pt>
                <c:pt idx="2">
                  <c:v>100.71</c:v>
                </c:pt>
                <c:pt idx="3">
                  <c:v>105.56</c:v>
                </c:pt>
                <c:pt idx="4">
                  <c:v>106.22</c:v>
                </c:pt>
              </c:numCache>
            </c:numRef>
          </c:val>
          <c:extLst xmlns:c16r2="http://schemas.microsoft.com/office/drawing/2015/06/chart">
            <c:ext xmlns:c16="http://schemas.microsoft.com/office/drawing/2014/chart" uri="{C3380CC4-5D6E-409C-BE32-E72D297353CC}">
              <c16:uniqueId val="{00000000-18FD-4AE7-B483-34B61E4A2567}"/>
            </c:ext>
          </c:extLst>
        </c:ser>
        <c:dLbls>
          <c:showLegendKey val="0"/>
          <c:showVal val="0"/>
          <c:showCatName val="0"/>
          <c:showSerName val="0"/>
          <c:showPercent val="0"/>
          <c:showBubbleSize val="0"/>
        </c:dLbls>
        <c:gapWidth val="150"/>
        <c:axId val="342371648"/>
        <c:axId val="342374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81.67</c:v>
                </c:pt>
                <c:pt idx="1">
                  <c:v>179.55</c:v>
                </c:pt>
                <c:pt idx="2">
                  <c:v>179.16</c:v>
                </c:pt>
                <c:pt idx="3">
                  <c:v>187.18</c:v>
                </c:pt>
                <c:pt idx="4">
                  <c:v>189.58</c:v>
                </c:pt>
              </c:numCache>
            </c:numRef>
          </c:val>
          <c:smooth val="0"/>
          <c:extLst xmlns:c16r2="http://schemas.microsoft.com/office/drawing/2015/06/chart">
            <c:ext xmlns:c16="http://schemas.microsoft.com/office/drawing/2014/chart" uri="{C3380CC4-5D6E-409C-BE32-E72D297353CC}">
              <c16:uniqueId val="{00000001-18FD-4AE7-B483-34B61E4A2567}"/>
            </c:ext>
          </c:extLst>
        </c:ser>
        <c:dLbls>
          <c:showLegendKey val="0"/>
          <c:showVal val="0"/>
          <c:showCatName val="0"/>
          <c:showSerName val="0"/>
          <c:showPercent val="0"/>
          <c:showBubbleSize val="0"/>
        </c:dLbls>
        <c:marker val="1"/>
        <c:smooth val="0"/>
        <c:axId val="342371648"/>
        <c:axId val="342374000"/>
      </c:lineChart>
      <c:dateAx>
        <c:axId val="342371648"/>
        <c:scaling>
          <c:orientation val="minMax"/>
        </c:scaling>
        <c:delete val="1"/>
        <c:axPos val="b"/>
        <c:numFmt formatCode="ge" sourceLinked="1"/>
        <c:majorTickMark val="none"/>
        <c:minorTickMark val="none"/>
        <c:tickLblPos val="none"/>
        <c:crossAx val="342374000"/>
        <c:crosses val="autoZero"/>
        <c:auto val="1"/>
        <c:lblOffset val="100"/>
        <c:baseTimeUnit val="years"/>
      </c:dateAx>
      <c:valAx>
        <c:axId val="342374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3716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3" t="s">
        <v>0</v>
      </c>
      <c r="C2" s="83"/>
      <c r="D2" s="83"/>
      <c r="E2" s="83"/>
      <c r="F2" s="83"/>
      <c r="G2" s="83"/>
      <c r="H2" s="83"/>
      <c r="I2" s="83"/>
      <c r="J2" s="83"/>
      <c r="K2" s="83"/>
      <c r="L2" s="83"/>
      <c r="M2" s="83"/>
      <c r="N2" s="83"/>
      <c r="O2" s="83"/>
      <c r="P2" s="83"/>
      <c r="Q2" s="83"/>
      <c r="R2" s="83"/>
      <c r="S2" s="83"/>
      <c r="T2" s="83"/>
      <c r="U2" s="83"/>
      <c r="V2" s="83"/>
      <c r="W2" s="83"/>
      <c r="X2" s="83"/>
      <c r="Y2" s="83"/>
      <c r="Z2" s="83"/>
      <c r="AA2" s="83"/>
      <c r="AB2" s="83"/>
      <c r="AC2" s="83"/>
      <c r="AD2" s="83"/>
      <c r="AE2" s="83"/>
      <c r="AF2" s="83"/>
      <c r="AG2" s="83"/>
      <c r="AH2" s="83"/>
      <c r="AI2" s="83"/>
      <c r="AJ2" s="83"/>
      <c r="AK2" s="83"/>
      <c r="AL2" s="83"/>
      <c r="AM2" s="83"/>
      <c r="AN2" s="83"/>
      <c r="AO2" s="83"/>
      <c r="AP2" s="83"/>
      <c r="AQ2" s="83"/>
      <c r="AR2" s="83"/>
      <c r="AS2" s="83"/>
      <c r="AT2" s="83"/>
      <c r="AU2" s="83"/>
      <c r="AV2" s="83"/>
      <c r="AW2" s="83"/>
      <c r="AX2" s="83"/>
      <c r="AY2" s="83"/>
      <c r="AZ2" s="83"/>
      <c r="BA2" s="83"/>
      <c r="BB2" s="83"/>
      <c r="BC2" s="83"/>
      <c r="BD2" s="83"/>
      <c r="BE2" s="83"/>
      <c r="BF2" s="83"/>
      <c r="BG2" s="83"/>
      <c r="BH2" s="83"/>
      <c r="BI2" s="83"/>
      <c r="BJ2" s="83"/>
      <c r="BK2" s="83"/>
      <c r="BL2" s="83"/>
      <c r="BM2" s="83"/>
      <c r="BN2" s="83"/>
      <c r="BO2" s="83"/>
      <c r="BP2" s="83"/>
      <c r="BQ2" s="83"/>
      <c r="BR2" s="83"/>
      <c r="BS2" s="83"/>
      <c r="BT2" s="83"/>
      <c r="BU2" s="83"/>
      <c r="BV2" s="83"/>
      <c r="BW2" s="83"/>
      <c r="BX2" s="83"/>
      <c r="BY2" s="83"/>
      <c r="BZ2" s="83"/>
    </row>
    <row r="3" spans="1:78" ht="9.75" customHeight="1" x14ac:dyDescent="0.2">
      <c r="A3" s="2"/>
      <c r="B3" s="83"/>
      <c r="C3" s="83"/>
      <c r="D3" s="83"/>
      <c r="E3" s="83"/>
      <c r="F3" s="83"/>
      <c r="G3" s="83"/>
      <c r="H3" s="83"/>
      <c r="I3" s="83"/>
      <c r="J3" s="83"/>
      <c r="K3" s="83"/>
      <c r="L3" s="83"/>
      <c r="M3" s="83"/>
      <c r="N3" s="83"/>
      <c r="O3" s="83"/>
      <c r="P3" s="83"/>
      <c r="Q3" s="83"/>
      <c r="R3" s="83"/>
      <c r="S3" s="83"/>
      <c r="T3" s="83"/>
      <c r="U3" s="83"/>
      <c r="V3" s="83"/>
      <c r="W3" s="83"/>
      <c r="X3" s="83"/>
      <c r="Y3" s="83"/>
      <c r="Z3" s="83"/>
      <c r="AA3" s="83"/>
      <c r="AB3" s="83"/>
      <c r="AC3" s="83"/>
      <c r="AD3" s="83"/>
      <c r="AE3" s="83"/>
      <c r="AF3" s="83"/>
      <c r="AG3" s="83"/>
      <c r="AH3" s="83"/>
      <c r="AI3" s="83"/>
      <c r="AJ3" s="83"/>
      <c r="AK3" s="83"/>
      <c r="AL3" s="83"/>
      <c r="AM3" s="83"/>
      <c r="AN3" s="83"/>
      <c r="AO3" s="83"/>
      <c r="AP3" s="83"/>
      <c r="AQ3" s="83"/>
      <c r="AR3" s="83"/>
      <c r="AS3" s="83"/>
      <c r="AT3" s="83"/>
      <c r="AU3" s="83"/>
      <c r="AV3" s="83"/>
      <c r="AW3" s="83"/>
      <c r="AX3" s="83"/>
      <c r="AY3" s="83"/>
      <c r="AZ3" s="83"/>
      <c r="BA3" s="83"/>
      <c r="BB3" s="83"/>
      <c r="BC3" s="83"/>
      <c r="BD3" s="83"/>
      <c r="BE3" s="83"/>
      <c r="BF3" s="83"/>
      <c r="BG3" s="83"/>
      <c r="BH3" s="83"/>
      <c r="BI3" s="83"/>
      <c r="BJ3" s="83"/>
      <c r="BK3" s="83"/>
      <c r="BL3" s="83"/>
      <c r="BM3" s="83"/>
      <c r="BN3" s="83"/>
      <c r="BO3" s="83"/>
      <c r="BP3" s="83"/>
      <c r="BQ3" s="83"/>
      <c r="BR3" s="83"/>
      <c r="BS3" s="83"/>
      <c r="BT3" s="83"/>
      <c r="BU3" s="83"/>
      <c r="BV3" s="83"/>
      <c r="BW3" s="83"/>
      <c r="BX3" s="83"/>
      <c r="BY3" s="83"/>
      <c r="BZ3" s="83"/>
    </row>
    <row r="4" spans="1:78" ht="9.75" customHeight="1" x14ac:dyDescent="0.2">
      <c r="A4" s="2"/>
      <c r="B4" s="83"/>
      <c r="C4" s="83"/>
      <c r="D4" s="83"/>
      <c r="E4" s="83"/>
      <c r="F4" s="83"/>
      <c r="G4" s="83"/>
      <c r="H4" s="83"/>
      <c r="I4" s="83"/>
      <c r="J4" s="83"/>
      <c r="K4" s="83"/>
      <c r="L4" s="83"/>
      <c r="M4" s="83"/>
      <c r="N4" s="83"/>
      <c r="O4" s="83"/>
      <c r="P4" s="83"/>
      <c r="Q4" s="83"/>
      <c r="R4" s="83"/>
      <c r="S4" s="83"/>
      <c r="T4" s="83"/>
      <c r="U4" s="83"/>
      <c r="V4" s="83"/>
      <c r="W4" s="83"/>
      <c r="X4" s="83"/>
      <c r="Y4" s="83"/>
      <c r="Z4" s="83"/>
      <c r="AA4" s="83"/>
      <c r="AB4" s="83"/>
      <c r="AC4" s="83"/>
      <c r="AD4" s="83"/>
      <c r="AE4" s="83"/>
      <c r="AF4" s="83"/>
      <c r="AG4" s="83"/>
      <c r="AH4" s="83"/>
      <c r="AI4" s="83"/>
      <c r="AJ4" s="83"/>
      <c r="AK4" s="83"/>
      <c r="AL4" s="83"/>
      <c r="AM4" s="83"/>
      <c r="AN4" s="83"/>
      <c r="AO4" s="83"/>
      <c r="AP4" s="83"/>
      <c r="AQ4" s="83"/>
      <c r="AR4" s="83"/>
      <c r="AS4" s="83"/>
      <c r="AT4" s="83"/>
      <c r="AU4" s="83"/>
      <c r="AV4" s="83"/>
      <c r="AW4" s="83"/>
      <c r="AX4" s="83"/>
      <c r="AY4" s="83"/>
      <c r="AZ4" s="83"/>
      <c r="BA4" s="83"/>
      <c r="BB4" s="83"/>
      <c r="BC4" s="83"/>
      <c r="BD4" s="83"/>
      <c r="BE4" s="83"/>
      <c r="BF4" s="83"/>
      <c r="BG4" s="83"/>
      <c r="BH4" s="83"/>
      <c r="BI4" s="83"/>
      <c r="BJ4" s="83"/>
      <c r="BK4" s="83"/>
      <c r="BL4" s="83"/>
      <c r="BM4" s="83"/>
      <c r="BN4" s="83"/>
      <c r="BO4" s="83"/>
      <c r="BP4" s="83"/>
      <c r="BQ4" s="83"/>
      <c r="BR4" s="83"/>
      <c r="BS4" s="83"/>
      <c r="BT4" s="83"/>
      <c r="BU4" s="83"/>
      <c r="BV4" s="83"/>
      <c r="BW4" s="83"/>
      <c r="BX4" s="83"/>
      <c r="BY4" s="83"/>
      <c r="BZ4" s="8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4" t="str">
        <f>データ!H6</f>
        <v>神奈川県　山北町</v>
      </c>
      <c r="C6" s="84"/>
      <c r="D6" s="84"/>
      <c r="E6" s="84"/>
      <c r="F6" s="84"/>
      <c r="G6" s="84"/>
      <c r="H6" s="84"/>
      <c r="I6" s="84"/>
      <c r="J6" s="84"/>
      <c r="K6" s="84"/>
      <c r="L6" s="84"/>
      <c r="M6" s="84"/>
      <c r="N6" s="84"/>
      <c r="O6" s="84"/>
      <c r="P6" s="84"/>
      <c r="Q6" s="84"/>
      <c r="R6" s="84"/>
      <c r="S6" s="84"/>
      <c r="T6" s="84"/>
      <c r="U6" s="84"/>
      <c r="V6" s="84"/>
      <c r="W6" s="84"/>
      <c r="X6" s="84"/>
      <c r="Y6" s="84"/>
      <c r="Z6" s="84"/>
      <c r="AA6" s="84"/>
      <c r="AB6" s="84"/>
      <c r="AC6" s="84"/>
      <c r="AD6" s="85"/>
      <c r="AE6" s="85"/>
      <c r="AF6" s="85"/>
      <c r="AG6" s="85"/>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5" t="s">
        <v>1</v>
      </c>
      <c r="C7" s="76"/>
      <c r="D7" s="76"/>
      <c r="E7" s="76"/>
      <c r="F7" s="76"/>
      <c r="G7" s="76"/>
      <c r="H7" s="76"/>
      <c r="I7" s="75" t="s">
        <v>2</v>
      </c>
      <c r="J7" s="76"/>
      <c r="K7" s="76"/>
      <c r="L7" s="76"/>
      <c r="M7" s="76"/>
      <c r="N7" s="76"/>
      <c r="O7" s="77"/>
      <c r="P7" s="78" t="s">
        <v>3</v>
      </c>
      <c r="Q7" s="78"/>
      <c r="R7" s="78"/>
      <c r="S7" s="78"/>
      <c r="T7" s="78"/>
      <c r="U7" s="78"/>
      <c r="V7" s="78"/>
      <c r="W7" s="78" t="s">
        <v>4</v>
      </c>
      <c r="X7" s="78"/>
      <c r="Y7" s="78"/>
      <c r="Z7" s="78"/>
      <c r="AA7" s="78"/>
      <c r="AB7" s="78"/>
      <c r="AC7" s="78"/>
      <c r="AD7" s="78" t="s">
        <v>5</v>
      </c>
      <c r="AE7" s="78"/>
      <c r="AF7" s="78"/>
      <c r="AG7" s="78"/>
      <c r="AH7" s="78"/>
      <c r="AI7" s="78"/>
      <c r="AJ7" s="78"/>
      <c r="AK7" s="4"/>
      <c r="AL7" s="78" t="s">
        <v>6</v>
      </c>
      <c r="AM7" s="78"/>
      <c r="AN7" s="78"/>
      <c r="AO7" s="78"/>
      <c r="AP7" s="78"/>
      <c r="AQ7" s="78"/>
      <c r="AR7" s="78"/>
      <c r="AS7" s="78"/>
      <c r="AT7" s="75" t="s">
        <v>7</v>
      </c>
      <c r="AU7" s="76"/>
      <c r="AV7" s="76"/>
      <c r="AW7" s="76"/>
      <c r="AX7" s="76"/>
      <c r="AY7" s="76"/>
      <c r="AZ7" s="76"/>
      <c r="BA7" s="76"/>
      <c r="BB7" s="78" t="s">
        <v>8</v>
      </c>
      <c r="BC7" s="78"/>
      <c r="BD7" s="78"/>
      <c r="BE7" s="78"/>
      <c r="BF7" s="78"/>
      <c r="BG7" s="78"/>
      <c r="BH7" s="78"/>
      <c r="BI7" s="78"/>
      <c r="BJ7" s="3"/>
      <c r="BK7" s="3"/>
      <c r="BL7" s="5" t="s">
        <v>9</v>
      </c>
      <c r="BM7" s="6"/>
      <c r="BN7" s="6"/>
      <c r="BO7" s="6"/>
      <c r="BP7" s="6"/>
      <c r="BQ7" s="6"/>
      <c r="BR7" s="6"/>
      <c r="BS7" s="6"/>
      <c r="BT7" s="6"/>
      <c r="BU7" s="6"/>
      <c r="BV7" s="6"/>
      <c r="BW7" s="6"/>
      <c r="BX7" s="6"/>
      <c r="BY7" s="7"/>
    </row>
    <row r="8" spans="1:78" ht="18.75" customHeight="1" x14ac:dyDescent="0.2">
      <c r="A8" s="2"/>
      <c r="B8" s="79" t="str">
        <f>データ!$I$6</f>
        <v>法適用</v>
      </c>
      <c r="C8" s="80"/>
      <c r="D8" s="80"/>
      <c r="E8" s="80"/>
      <c r="F8" s="80"/>
      <c r="G8" s="80"/>
      <c r="H8" s="80"/>
      <c r="I8" s="79" t="str">
        <f>データ!$J$6</f>
        <v>水道事業</v>
      </c>
      <c r="J8" s="80"/>
      <c r="K8" s="80"/>
      <c r="L8" s="80"/>
      <c r="M8" s="80"/>
      <c r="N8" s="80"/>
      <c r="O8" s="81"/>
      <c r="P8" s="82" t="str">
        <f>データ!$K$6</f>
        <v>末端給水事業</v>
      </c>
      <c r="Q8" s="82"/>
      <c r="R8" s="82"/>
      <c r="S8" s="82"/>
      <c r="T8" s="82"/>
      <c r="U8" s="82"/>
      <c r="V8" s="82"/>
      <c r="W8" s="82" t="str">
        <f>データ!$L$6</f>
        <v>A7</v>
      </c>
      <c r="X8" s="82"/>
      <c r="Y8" s="82"/>
      <c r="Z8" s="82"/>
      <c r="AA8" s="82"/>
      <c r="AB8" s="82"/>
      <c r="AC8" s="82"/>
      <c r="AD8" s="82" t="str">
        <f>データ!$M$6</f>
        <v>非設置</v>
      </c>
      <c r="AE8" s="82"/>
      <c r="AF8" s="82"/>
      <c r="AG8" s="82"/>
      <c r="AH8" s="82"/>
      <c r="AI8" s="82"/>
      <c r="AJ8" s="82"/>
      <c r="AK8" s="4"/>
      <c r="AL8" s="70">
        <f>データ!$R$6</f>
        <v>10308</v>
      </c>
      <c r="AM8" s="70"/>
      <c r="AN8" s="70"/>
      <c r="AO8" s="70"/>
      <c r="AP8" s="70"/>
      <c r="AQ8" s="70"/>
      <c r="AR8" s="70"/>
      <c r="AS8" s="70"/>
      <c r="AT8" s="66">
        <f>データ!$S$6</f>
        <v>224.61</v>
      </c>
      <c r="AU8" s="67"/>
      <c r="AV8" s="67"/>
      <c r="AW8" s="67"/>
      <c r="AX8" s="67"/>
      <c r="AY8" s="67"/>
      <c r="AZ8" s="67"/>
      <c r="BA8" s="67"/>
      <c r="BB8" s="69">
        <f>データ!$T$6</f>
        <v>45.89</v>
      </c>
      <c r="BC8" s="69"/>
      <c r="BD8" s="69"/>
      <c r="BE8" s="69"/>
      <c r="BF8" s="69"/>
      <c r="BG8" s="69"/>
      <c r="BH8" s="69"/>
      <c r="BI8" s="69"/>
      <c r="BJ8" s="3"/>
      <c r="BK8" s="3"/>
      <c r="BL8" s="73" t="s">
        <v>10</v>
      </c>
      <c r="BM8" s="74"/>
      <c r="BN8" s="8" t="s">
        <v>11</v>
      </c>
      <c r="BO8" s="9"/>
      <c r="BP8" s="9"/>
      <c r="BQ8" s="9"/>
      <c r="BR8" s="9"/>
      <c r="BS8" s="9"/>
      <c r="BT8" s="9"/>
      <c r="BU8" s="9"/>
      <c r="BV8" s="9"/>
      <c r="BW8" s="9"/>
      <c r="BX8" s="9"/>
      <c r="BY8" s="10"/>
    </row>
    <row r="9" spans="1:78" ht="18.75" customHeight="1" x14ac:dyDescent="0.2">
      <c r="A9" s="2"/>
      <c r="B9" s="75" t="s">
        <v>12</v>
      </c>
      <c r="C9" s="76"/>
      <c r="D9" s="76"/>
      <c r="E9" s="76"/>
      <c r="F9" s="76"/>
      <c r="G9" s="76"/>
      <c r="H9" s="76"/>
      <c r="I9" s="75" t="s">
        <v>13</v>
      </c>
      <c r="J9" s="76"/>
      <c r="K9" s="76"/>
      <c r="L9" s="76"/>
      <c r="M9" s="76"/>
      <c r="N9" s="76"/>
      <c r="O9" s="77"/>
      <c r="P9" s="78" t="s">
        <v>14</v>
      </c>
      <c r="Q9" s="78"/>
      <c r="R9" s="78"/>
      <c r="S9" s="78"/>
      <c r="T9" s="78"/>
      <c r="U9" s="78"/>
      <c r="V9" s="78"/>
      <c r="W9" s="78" t="s">
        <v>15</v>
      </c>
      <c r="X9" s="78"/>
      <c r="Y9" s="78"/>
      <c r="Z9" s="78"/>
      <c r="AA9" s="78"/>
      <c r="AB9" s="78"/>
      <c r="AC9" s="78"/>
      <c r="AD9" s="2"/>
      <c r="AE9" s="2"/>
      <c r="AF9" s="2"/>
      <c r="AG9" s="2"/>
      <c r="AH9" s="4"/>
      <c r="AI9" s="4"/>
      <c r="AJ9" s="4"/>
      <c r="AK9" s="4"/>
      <c r="AL9" s="78" t="s">
        <v>16</v>
      </c>
      <c r="AM9" s="78"/>
      <c r="AN9" s="78"/>
      <c r="AO9" s="78"/>
      <c r="AP9" s="78"/>
      <c r="AQ9" s="78"/>
      <c r="AR9" s="78"/>
      <c r="AS9" s="78"/>
      <c r="AT9" s="75" t="s">
        <v>17</v>
      </c>
      <c r="AU9" s="76"/>
      <c r="AV9" s="76"/>
      <c r="AW9" s="76"/>
      <c r="AX9" s="76"/>
      <c r="AY9" s="76"/>
      <c r="AZ9" s="76"/>
      <c r="BA9" s="76"/>
      <c r="BB9" s="78" t="s">
        <v>18</v>
      </c>
      <c r="BC9" s="78"/>
      <c r="BD9" s="78"/>
      <c r="BE9" s="78"/>
      <c r="BF9" s="78"/>
      <c r="BG9" s="78"/>
      <c r="BH9" s="78"/>
      <c r="BI9" s="78"/>
      <c r="BJ9" s="3"/>
      <c r="BK9" s="3"/>
      <c r="BL9" s="64" t="s">
        <v>19</v>
      </c>
      <c r="BM9" s="65"/>
      <c r="BN9" s="11" t="s">
        <v>20</v>
      </c>
      <c r="BO9" s="12"/>
      <c r="BP9" s="12"/>
      <c r="BQ9" s="12"/>
      <c r="BR9" s="12"/>
      <c r="BS9" s="12"/>
      <c r="BT9" s="12"/>
      <c r="BU9" s="12"/>
      <c r="BV9" s="12"/>
      <c r="BW9" s="12"/>
      <c r="BX9" s="12"/>
      <c r="BY9" s="13"/>
    </row>
    <row r="10" spans="1:78" ht="18.75" customHeight="1" x14ac:dyDescent="0.2">
      <c r="A10" s="2"/>
      <c r="B10" s="66" t="str">
        <f>データ!$N$6</f>
        <v>-</v>
      </c>
      <c r="C10" s="67"/>
      <c r="D10" s="67"/>
      <c r="E10" s="67"/>
      <c r="F10" s="67"/>
      <c r="G10" s="67"/>
      <c r="H10" s="67"/>
      <c r="I10" s="66">
        <f>データ!$O$6</f>
        <v>84.61</v>
      </c>
      <c r="J10" s="67"/>
      <c r="K10" s="67"/>
      <c r="L10" s="67"/>
      <c r="M10" s="67"/>
      <c r="N10" s="67"/>
      <c r="O10" s="68"/>
      <c r="P10" s="69">
        <f>データ!$P$6</f>
        <v>98.4</v>
      </c>
      <c r="Q10" s="69"/>
      <c r="R10" s="69"/>
      <c r="S10" s="69"/>
      <c r="T10" s="69"/>
      <c r="U10" s="69"/>
      <c r="V10" s="69"/>
      <c r="W10" s="70">
        <f>データ!$Q$6</f>
        <v>1479</v>
      </c>
      <c r="X10" s="70"/>
      <c r="Y10" s="70"/>
      <c r="Z10" s="70"/>
      <c r="AA10" s="70"/>
      <c r="AB10" s="70"/>
      <c r="AC10" s="70"/>
      <c r="AD10" s="2"/>
      <c r="AE10" s="2"/>
      <c r="AF10" s="2"/>
      <c r="AG10" s="2"/>
      <c r="AH10" s="4"/>
      <c r="AI10" s="4"/>
      <c r="AJ10" s="4"/>
      <c r="AK10" s="4"/>
      <c r="AL10" s="70">
        <f>データ!$U$6</f>
        <v>10071</v>
      </c>
      <c r="AM10" s="70"/>
      <c r="AN10" s="70"/>
      <c r="AO10" s="70"/>
      <c r="AP10" s="70"/>
      <c r="AQ10" s="70"/>
      <c r="AR10" s="70"/>
      <c r="AS10" s="70"/>
      <c r="AT10" s="66">
        <f>データ!$V$6</f>
        <v>8.15</v>
      </c>
      <c r="AU10" s="67"/>
      <c r="AV10" s="67"/>
      <c r="AW10" s="67"/>
      <c r="AX10" s="67"/>
      <c r="AY10" s="67"/>
      <c r="AZ10" s="67"/>
      <c r="BA10" s="67"/>
      <c r="BB10" s="69">
        <f>データ!$W$6</f>
        <v>1235.71</v>
      </c>
      <c r="BC10" s="69"/>
      <c r="BD10" s="69"/>
      <c r="BE10" s="69"/>
      <c r="BF10" s="69"/>
      <c r="BG10" s="69"/>
      <c r="BH10" s="69"/>
      <c r="BI10" s="69"/>
      <c r="BJ10" s="2"/>
      <c r="BK10" s="2"/>
      <c r="BL10" s="71" t="s">
        <v>21</v>
      </c>
      <c r="BM10" s="72"/>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4" t="s">
        <v>25</v>
      </c>
      <c r="BM14" s="45"/>
      <c r="BN14" s="45"/>
      <c r="BO14" s="45"/>
      <c r="BP14" s="45"/>
      <c r="BQ14" s="45"/>
      <c r="BR14" s="45"/>
      <c r="BS14" s="45"/>
      <c r="BT14" s="45"/>
      <c r="BU14" s="45"/>
      <c r="BV14" s="45"/>
      <c r="BW14" s="45"/>
      <c r="BX14" s="45"/>
      <c r="BY14" s="45"/>
      <c r="BZ14" s="46"/>
    </row>
    <row r="15" spans="1:78" ht="13.5" customHeight="1" x14ac:dyDescent="0.2">
      <c r="A15" s="2"/>
      <c r="B15" s="61"/>
      <c r="C15" s="62"/>
      <c r="D15" s="62"/>
      <c r="E15" s="62"/>
      <c r="F15" s="62"/>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2"/>
      <c r="AM15" s="62"/>
      <c r="AN15" s="62"/>
      <c r="AO15" s="62"/>
      <c r="AP15" s="62"/>
      <c r="AQ15" s="62"/>
      <c r="AR15" s="62"/>
      <c r="AS15" s="62"/>
      <c r="AT15" s="62"/>
      <c r="AU15" s="62"/>
      <c r="AV15" s="62"/>
      <c r="AW15" s="62"/>
      <c r="AX15" s="62"/>
      <c r="AY15" s="62"/>
      <c r="AZ15" s="62"/>
      <c r="BA15" s="62"/>
      <c r="BB15" s="62"/>
      <c r="BC15" s="62"/>
      <c r="BD15" s="62"/>
      <c r="BE15" s="62"/>
      <c r="BF15" s="62"/>
      <c r="BG15" s="62"/>
      <c r="BH15" s="62"/>
      <c r="BI15" s="62"/>
      <c r="BJ15" s="63"/>
      <c r="BK15" s="2"/>
      <c r="BL15" s="47"/>
      <c r="BM15" s="48"/>
      <c r="BN15" s="48"/>
      <c r="BO15" s="48"/>
      <c r="BP15" s="48"/>
      <c r="BQ15" s="48"/>
      <c r="BR15" s="48"/>
      <c r="BS15" s="48"/>
      <c r="BT15" s="48"/>
      <c r="BU15" s="48"/>
      <c r="BV15" s="48"/>
      <c r="BW15" s="48"/>
      <c r="BX15" s="48"/>
      <c r="BY15" s="48"/>
      <c r="BZ15" s="49"/>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50" t="s">
        <v>106</v>
      </c>
      <c r="BM16" s="51"/>
      <c r="BN16" s="51"/>
      <c r="BO16" s="51"/>
      <c r="BP16" s="51"/>
      <c r="BQ16" s="51"/>
      <c r="BR16" s="51"/>
      <c r="BS16" s="51"/>
      <c r="BT16" s="51"/>
      <c r="BU16" s="51"/>
      <c r="BV16" s="51"/>
      <c r="BW16" s="51"/>
      <c r="BX16" s="51"/>
      <c r="BY16" s="51"/>
      <c r="BZ16" s="52"/>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50"/>
      <c r="BM17" s="51"/>
      <c r="BN17" s="51"/>
      <c r="BO17" s="51"/>
      <c r="BP17" s="51"/>
      <c r="BQ17" s="51"/>
      <c r="BR17" s="51"/>
      <c r="BS17" s="51"/>
      <c r="BT17" s="51"/>
      <c r="BU17" s="51"/>
      <c r="BV17" s="51"/>
      <c r="BW17" s="51"/>
      <c r="BX17" s="51"/>
      <c r="BY17" s="51"/>
      <c r="BZ17" s="52"/>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50"/>
      <c r="BM18" s="51"/>
      <c r="BN18" s="51"/>
      <c r="BO18" s="51"/>
      <c r="BP18" s="51"/>
      <c r="BQ18" s="51"/>
      <c r="BR18" s="51"/>
      <c r="BS18" s="51"/>
      <c r="BT18" s="51"/>
      <c r="BU18" s="51"/>
      <c r="BV18" s="51"/>
      <c r="BW18" s="51"/>
      <c r="BX18" s="51"/>
      <c r="BY18" s="51"/>
      <c r="BZ18" s="52"/>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50"/>
      <c r="BM19" s="51"/>
      <c r="BN19" s="51"/>
      <c r="BO19" s="51"/>
      <c r="BP19" s="51"/>
      <c r="BQ19" s="51"/>
      <c r="BR19" s="51"/>
      <c r="BS19" s="51"/>
      <c r="BT19" s="51"/>
      <c r="BU19" s="51"/>
      <c r="BV19" s="51"/>
      <c r="BW19" s="51"/>
      <c r="BX19" s="51"/>
      <c r="BY19" s="51"/>
      <c r="BZ19" s="52"/>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50"/>
      <c r="BM20" s="51"/>
      <c r="BN20" s="51"/>
      <c r="BO20" s="51"/>
      <c r="BP20" s="51"/>
      <c r="BQ20" s="51"/>
      <c r="BR20" s="51"/>
      <c r="BS20" s="51"/>
      <c r="BT20" s="51"/>
      <c r="BU20" s="51"/>
      <c r="BV20" s="51"/>
      <c r="BW20" s="51"/>
      <c r="BX20" s="51"/>
      <c r="BY20" s="51"/>
      <c r="BZ20" s="52"/>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50"/>
      <c r="BM21" s="51"/>
      <c r="BN21" s="51"/>
      <c r="BO21" s="51"/>
      <c r="BP21" s="51"/>
      <c r="BQ21" s="51"/>
      <c r="BR21" s="51"/>
      <c r="BS21" s="51"/>
      <c r="BT21" s="51"/>
      <c r="BU21" s="51"/>
      <c r="BV21" s="51"/>
      <c r="BW21" s="51"/>
      <c r="BX21" s="51"/>
      <c r="BY21" s="51"/>
      <c r="BZ21" s="52"/>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50"/>
      <c r="BM22" s="51"/>
      <c r="BN22" s="51"/>
      <c r="BO22" s="51"/>
      <c r="BP22" s="51"/>
      <c r="BQ22" s="51"/>
      <c r="BR22" s="51"/>
      <c r="BS22" s="51"/>
      <c r="BT22" s="51"/>
      <c r="BU22" s="51"/>
      <c r="BV22" s="51"/>
      <c r="BW22" s="51"/>
      <c r="BX22" s="51"/>
      <c r="BY22" s="51"/>
      <c r="BZ22" s="52"/>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50"/>
      <c r="BM23" s="51"/>
      <c r="BN23" s="51"/>
      <c r="BO23" s="51"/>
      <c r="BP23" s="51"/>
      <c r="BQ23" s="51"/>
      <c r="BR23" s="51"/>
      <c r="BS23" s="51"/>
      <c r="BT23" s="51"/>
      <c r="BU23" s="51"/>
      <c r="BV23" s="51"/>
      <c r="BW23" s="51"/>
      <c r="BX23" s="51"/>
      <c r="BY23" s="51"/>
      <c r="BZ23" s="52"/>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50"/>
      <c r="BM24" s="51"/>
      <c r="BN24" s="51"/>
      <c r="BO24" s="51"/>
      <c r="BP24" s="51"/>
      <c r="BQ24" s="51"/>
      <c r="BR24" s="51"/>
      <c r="BS24" s="51"/>
      <c r="BT24" s="51"/>
      <c r="BU24" s="51"/>
      <c r="BV24" s="51"/>
      <c r="BW24" s="51"/>
      <c r="BX24" s="51"/>
      <c r="BY24" s="51"/>
      <c r="BZ24" s="52"/>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50"/>
      <c r="BM25" s="51"/>
      <c r="BN25" s="51"/>
      <c r="BO25" s="51"/>
      <c r="BP25" s="51"/>
      <c r="BQ25" s="51"/>
      <c r="BR25" s="51"/>
      <c r="BS25" s="51"/>
      <c r="BT25" s="51"/>
      <c r="BU25" s="51"/>
      <c r="BV25" s="51"/>
      <c r="BW25" s="51"/>
      <c r="BX25" s="51"/>
      <c r="BY25" s="51"/>
      <c r="BZ25" s="52"/>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50"/>
      <c r="BM26" s="51"/>
      <c r="BN26" s="51"/>
      <c r="BO26" s="51"/>
      <c r="BP26" s="51"/>
      <c r="BQ26" s="51"/>
      <c r="BR26" s="51"/>
      <c r="BS26" s="51"/>
      <c r="BT26" s="51"/>
      <c r="BU26" s="51"/>
      <c r="BV26" s="51"/>
      <c r="BW26" s="51"/>
      <c r="BX26" s="51"/>
      <c r="BY26" s="51"/>
      <c r="BZ26" s="52"/>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50"/>
      <c r="BM27" s="51"/>
      <c r="BN27" s="51"/>
      <c r="BO27" s="51"/>
      <c r="BP27" s="51"/>
      <c r="BQ27" s="51"/>
      <c r="BR27" s="51"/>
      <c r="BS27" s="51"/>
      <c r="BT27" s="51"/>
      <c r="BU27" s="51"/>
      <c r="BV27" s="51"/>
      <c r="BW27" s="51"/>
      <c r="BX27" s="51"/>
      <c r="BY27" s="51"/>
      <c r="BZ27" s="52"/>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50"/>
      <c r="BM28" s="51"/>
      <c r="BN28" s="51"/>
      <c r="BO28" s="51"/>
      <c r="BP28" s="51"/>
      <c r="BQ28" s="51"/>
      <c r="BR28" s="51"/>
      <c r="BS28" s="51"/>
      <c r="BT28" s="51"/>
      <c r="BU28" s="51"/>
      <c r="BV28" s="51"/>
      <c r="BW28" s="51"/>
      <c r="BX28" s="51"/>
      <c r="BY28" s="51"/>
      <c r="BZ28" s="52"/>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50"/>
      <c r="BM29" s="51"/>
      <c r="BN29" s="51"/>
      <c r="BO29" s="51"/>
      <c r="BP29" s="51"/>
      <c r="BQ29" s="51"/>
      <c r="BR29" s="51"/>
      <c r="BS29" s="51"/>
      <c r="BT29" s="51"/>
      <c r="BU29" s="51"/>
      <c r="BV29" s="51"/>
      <c r="BW29" s="51"/>
      <c r="BX29" s="51"/>
      <c r="BY29" s="51"/>
      <c r="BZ29" s="52"/>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50"/>
      <c r="BM30" s="51"/>
      <c r="BN30" s="51"/>
      <c r="BO30" s="51"/>
      <c r="BP30" s="51"/>
      <c r="BQ30" s="51"/>
      <c r="BR30" s="51"/>
      <c r="BS30" s="51"/>
      <c r="BT30" s="51"/>
      <c r="BU30" s="51"/>
      <c r="BV30" s="51"/>
      <c r="BW30" s="51"/>
      <c r="BX30" s="51"/>
      <c r="BY30" s="51"/>
      <c r="BZ30" s="52"/>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50"/>
      <c r="BM31" s="51"/>
      <c r="BN31" s="51"/>
      <c r="BO31" s="51"/>
      <c r="BP31" s="51"/>
      <c r="BQ31" s="51"/>
      <c r="BR31" s="51"/>
      <c r="BS31" s="51"/>
      <c r="BT31" s="51"/>
      <c r="BU31" s="51"/>
      <c r="BV31" s="51"/>
      <c r="BW31" s="51"/>
      <c r="BX31" s="51"/>
      <c r="BY31" s="51"/>
      <c r="BZ31" s="52"/>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50"/>
      <c r="BM32" s="51"/>
      <c r="BN32" s="51"/>
      <c r="BO32" s="51"/>
      <c r="BP32" s="51"/>
      <c r="BQ32" s="51"/>
      <c r="BR32" s="51"/>
      <c r="BS32" s="51"/>
      <c r="BT32" s="51"/>
      <c r="BU32" s="51"/>
      <c r="BV32" s="51"/>
      <c r="BW32" s="51"/>
      <c r="BX32" s="51"/>
      <c r="BY32" s="51"/>
      <c r="BZ32" s="52"/>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50"/>
      <c r="BM33" s="51"/>
      <c r="BN33" s="51"/>
      <c r="BO33" s="51"/>
      <c r="BP33" s="51"/>
      <c r="BQ33" s="51"/>
      <c r="BR33" s="51"/>
      <c r="BS33" s="51"/>
      <c r="BT33" s="51"/>
      <c r="BU33" s="51"/>
      <c r="BV33" s="51"/>
      <c r="BW33" s="51"/>
      <c r="BX33" s="51"/>
      <c r="BY33" s="51"/>
      <c r="BZ33" s="52"/>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0"/>
      <c r="BM34" s="51"/>
      <c r="BN34" s="51"/>
      <c r="BO34" s="51"/>
      <c r="BP34" s="51"/>
      <c r="BQ34" s="51"/>
      <c r="BR34" s="51"/>
      <c r="BS34" s="51"/>
      <c r="BT34" s="51"/>
      <c r="BU34" s="51"/>
      <c r="BV34" s="51"/>
      <c r="BW34" s="51"/>
      <c r="BX34" s="51"/>
      <c r="BY34" s="51"/>
      <c r="BZ34" s="52"/>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0"/>
      <c r="BM35" s="51"/>
      <c r="BN35" s="51"/>
      <c r="BO35" s="51"/>
      <c r="BP35" s="51"/>
      <c r="BQ35" s="51"/>
      <c r="BR35" s="51"/>
      <c r="BS35" s="51"/>
      <c r="BT35" s="51"/>
      <c r="BU35" s="51"/>
      <c r="BV35" s="51"/>
      <c r="BW35" s="51"/>
      <c r="BX35" s="51"/>
      <c r="BY35" s="51"/>
      <c r="BZ35" s="52"/>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50"/>
      <c r="BM36" s="51"/>
      <c r="BN36" s="51"/>
      <c r="BO36" s="51"/>
      <c r="BP36" s="51"/>
      <c r="BQ36" s="51"/>
      <c r="BR36" s="51"/>
      <c r="BS36" s="51"/>
      <c r="BT36" s="51"/>
      <c r="BU36" s="51"/>
      <c r="BV36" s="51"/>
      <c r="BW36" s="51"/>
      <c r="BX36" s="51"/>
      <c r="BY36" s="51"/>
      <c r="BZ36" s="52"/>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50"/>
      <c r="BM37" s="51"/>
      <c r="BN37" s="51"/>
      <c r="BO37" s="51"/>
      <c r="BP37" s="51"/>
      <c r="BQ37" s="51"/>
      <c r="BR37" s="51"/>
      <c r="BS37" s="51"/>
      <c r="BT37" s="51"/>
      <c r="BU37" s="51"/>
      <c r="BV37" s="51"/>
      <c r="BW37" s="51"/>
      <c r="BX37" s="51"/>
      <c r="BY37" s="51"/>
      <c r="BZ37" s="52"/>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50"/>
      <c r="BM38" s="51"/>
      <c r="BN38" s="51"/>
      <c r="BO38" s="51"/>
      <c r="BP38" s="51"/>
      <c r="BQ38" s="51"/>
      <c r="BR38" s="51"/>
      <c r="BS38" s="51"/>
      <c r="BT38" s="51"/>
      <c r="BU38" s="51"/>
      <c r="BV38" s="51"/>
      <c r="BW38" s="51"/>
      <c r="BX38" s="51"/>
      <c r="BY38" s="51"/>
      <c r="BZ38" s="52"/>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50"/>
      <c r="BM39" s="51"/>
      <c r="BN39" s="51"/>
      <c r="BO39" s="51"/>
      <c r="BP39" s="51"/>
      <c r="BQ39" s="51"/>
      <c r="BR39" s="51"/>
      <c r="BS39" s="51"/>
      <c r="BT39" s="51"/>
      <c r="BU39" s="51"/>
      <c r="BV39" s="51"/>
      <c r="BW39" s="51"/>
      <c r="BX39" s="51"/>
      <c r="BY39" s="51"/>
      <c r="BZ39" s="52"/>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50"/>
      <c r="BM40" s="51"/>
      <c r="BN40" s="51"/>
      <c r="BO40" s="51"/>
      <c r="BP40" s="51"/>
      <c r="BQ40" s="51"/>
      <c r="BR40" s="51"/>
      <c r="BS40" s="51"/>
      <c r="BT40" s="51"/>
      <c r="BU40" s="51"/>
      <c r="BV40" s="51"/>
      <c r="BW40" s="51"/>
      <c r="BX40" s="51"/>
      <c r="BY40" s="51"/>
      <c r="BZ40" s="52"/>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50"/>
      <c r="BM41" s="51"/>
      <c r="BN41" s="51"/>
      <c r="BO41" s="51"/>
      <c r="BP41" s="51"/>
      <c r="BQ41" s="51"/>
      <c r="BR41" s="51"/>
      <c r="BS41" s="51"/>
      <c r="BT41" s="51"/>
      <c r="BU41" s="51"/>
      <c r="BV41" s="51"/>
      <c r="BW41" s="51"/>
      <c r="BX41" s="51"/>
      <c r="BY41" s="51"/>
      <c r="BZ41" s="52"/>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50"/>
      <c r="BM42" s="51"/>
      <c r="BN42" s="51"/>
      <c r="BO42" s="51"/>
      <c r="BP42" s="51"/>
      <c r="BQ42" s="51"/>
      <c r="BR42" s="51"/>
      <c r="BS42" s="51"/>
      <c r="BT42" s="51"/>
      <c r="BU42" s="51"/>
      <c r="BV42" s="51"/>
      <c r="BW42" s="51"/>
      <c r="BX42" s="51"/>
      <c r="BY42" s="51"/>
      <c r="BZ42" s="52"/>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50"/>
      <c r="BM43" s="51"/>
      <c r="BN43" s="51"/>
      <c r="BO43" s="51"/>
      <c r="BP43" s="51"/>
      <c r="BQ43" s="51"/>
      <c r="BR43" s="51"/>
      <c r="BS43" s="51"/>
      <c r="BT43" s="51"/>
      <c r="BU43" s="51"/>
      <c r="BV43" s="51"/>
      <c r="BW43" s="51"/>
      <c r="BX43" s="51"/>
      <c r="BY43" s="51"/>
      <c r="BZ43" s="52"/>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50"/>
      <c r="BM44" s="51"/>
      <c r="BN44" s="51"/>
      <c r="BO44" s="51"/>
      <c r="BP44" s="51"/>
      <c r="BQ44" s="51"/>
      <c r="BR44" s="51"/>
      <c r="BS44" s="51"/>
      <c r="BT44" s="51"/>
      <c r="BU44" s="51"/>
      <c r="BV44" s="51"/>
      <c r="BW44" s="51"/>
      <c r="BX44" s="51"/>
      <c r="BY44" s="51"/>
      <c r="BZ44" s="52"/>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44" t="s">
        <v>26</v>
      </c>
      <c r="BM45" s="45"/>
      <c r="BN45" s="45"/>
      <c r="BO45" s="45"/>
      <c r="BP45" s="45"/>
      <c r="BQ45" s="45"/>
      <c r="BR45" s="45"/>
      <c r="BS45" s="45"/>
      <c r="BT45" s="45"/>
      <c r="BU45" s="45"/>
      <c r="BV45" s="45"/>
      <c r="BW45" s="45"/>
      <c r="BX45" s="45"/>
      <c r="BY45" s="45"/>
      <c r="BZ45" s="46"/>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47"/>
      <c r="BM46" s="48"/>
      <c r="BN46" s="48"/>
      <c r="BO46" s="48"/>
      <c r="BP46" s="48"/>
      <c r="BQ46" s="48"/>
      <c r="BR46" s="48"/>
      <c r="BS46" s="48"/>
      <c r="BT46" s="48"/>
      <c r="BU46" s="48"/>
      <c r="BV46" s="48"/>
      <c r="BW46" s="48"/>
      <c r="BX46" s="48"/>
      <c r="BY46" s="48"/>
      <c r="BZ46" s="49"/>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50" t="s">
        <v>105</v>
      </c>
      <c r="BM47" s="51"/>
      <c r="BN47" s="51"/>
      <c r="BO47" s="51"/>
      <c r="BP47" s="51"/>
      <c r="BQ47" s="51"/>
      <c r="BR47" s="51"/>
      <c r="BS47" s="51"/>
      <c r="BT47" s="51"/>
      <c r="BU47" s="51"/>
      <c r="BV47" s="51"/>
      <c r="BW47" s="51"/>
      <c r="BX47" s="51"/>
      <c r="BY47" s="51"/>
      <c r="BZ47" s="52"/>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50"/>
      <c r="BM48" s="51"/>
      <c r="BN48" s="51"/>
      <c r="BO48" s="51"/>
      <c r="BP48" s="51"/>
      <c r="BQ48" s="51"/>
      <c r="BR48" s="51"/>
      <c r="BS48" s="51"/>
      <c r="BT48" s="51"/>
      <c r="BU48" s="51"/>
      <c r="BV48" s="51"/>
      <c r="BW48" s="51"/>
      <c r="BX48" s="51"/>
      <c r="BY48" s="51"/>
      <c r="BZ48" s="52"/>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50"/>
      <c r="BM49" s="51"/>
      <c r="BN49" s="51"/>
      <c r="BO49" s="51"/>
      <c r="BP49" s="51"/>
      <c r="BQ49" s="51"/>
      <c r="BR49" s="51"/>
      <c r="BS49" s="51"/>
      <c r="BT49" s="51"/>
      <c r="BU49" s="51"/>
      <c r="BV49" s="51"/>
      <c r="BW49" s="51"/>
      <c r="BX49" s="51"/>
      <c r="BY49" s="51"/>
      <c r="BZ49" s="52"/>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50"/>
      <c r="BM50" s="51"/>
      <c r="BN50" s="51"/>
      <c r="BO50" s="51"/>
      <c r="BP50" s="51"/>
      <c r="BQ50" s="51"/>
      <c r="BR50" s="51"/>
      <c r="BS50" s="51"/>
      <c r="BT50" s="51"/>
      <c r="BU50" s="51"/>
      <c r="BV50" s="51"/>
      <c r="BW50" s="51"/>
      <c r="BX50" s="51"/>
      <c r="BY50" s="51"/>
      <c r="BZ50" s="52"/>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50"/>
      <c r="BM51" s="51"/>
      <c r="BN51" s="51"/>
      <c r="BO51" s="51"/>
      <c r="BP51" s="51"/>
      <c r="BQ51" s="51"/>
      <c r="BR51" s="51"/>
      <c r="BS51" s="51"/>
      <c r="BT51" s="51"/>
      <c r="BU51" s="51"/>
      <c r="BV51" s="51"/>
      <c r="BW51" s="51"/>
      <c r="BX51" s="51"/>
      <c r="BY51" s="51"/>
      <c r="BZ51" s="52"/>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50"/>
      <c r="BM52" s="51"/>
      <c r="BN52" s="51"/>
      <c r="BO52" s="51"/>
      <c r="BP52" s="51"/>
      <c r="BQ52" s="51"/>
      <c r="BR52" s="51"/>
      <c r="BS52" s="51"/>
      <c r="BT52" s="51"/>
      <c r="BU52" s="51"/>
      <c r="BV52" s="51"/>
      <c r="BW52" s="51"/>
      <c r="BX52" s="51"/>
      <c r="BY52" s="51"/>
      <c r="BZ52" s="52"/>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50"/>
      <c r="BM53" s="51"/>
      <c r="BN53" s="51"/>
      <c r="BO53" s="51"/>
      <c r="BP53" s="51"/>
      <c r="BQ53" s="51"/>
      <c r="BR53" s="51"/>
      <c r="BS53" s="51"/>
      <c r="BT53" s="51"/>
      <c r="BU53" s="51"/>
      <c r="BV53" s="51"/>
      <c r="BW53" s="51"/>
      <c r="BX53" s="51"/>
      <c r="BY53" s="51"/>
      <c r="BZ53" s="52"/>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50"/>
      <c r="BM54" s="51"/>
      <c r="BN54" s="51"/>
      <c r="BO54" s="51"/>
      <c r="BP54" s="51"/>
      <c r="BQ54" s="51"/>
      <c r="BR54" s="51"/>
      <c r="BS54" s="51"/>
      <c r="BT54" s="51"/>
      <c r="BU54" s="51"/>
      <c r="BV54" s="51"/>
      <c r="BW54" s="51"/>
      <c r="BX54" s="51"/>
      <c r="BY54" s="51"/>
      <c r="BZ54" s="52"/>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50"/>
      <c r="BM55" s="51"/>
      <c r="BN55" s="51"/>
      <c r="BO55" s="51"/>
      <c r="BP55" s="51"/>
      <c r="BQ55" s="51"/>
      <c r="BR55" s="51"/>
      <c r="BS55" s="51"/>
      <c r="BT55" s="51"/>
      <c r="BU55" s="51"/>
      <c r="BV55" s="51"/>
      <c r="BW55" s="51"/>
      <c r="BX55" s="51"/>
      <c r="BY55" s="51"/>
      <c r="BZ55" s="52"/>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0"/>
      <c r="BM56" s="51"/>
      <c r="BN56" s="51"/>
      <c r="BO56" s="51"/>
      <c r="BP56" s="51"/>
      <c r="BQ56" s="51"/>
      <c r="BR56" s="51"/>
      <c r="BS56" s="51"/>
      <c r="BT56" s="51"/>
      <c r="BU56" s="51"/>
      <c r="BV56" s="51"/>
      <c r="BW56" s="51"/>
      <c r="BX56" s="51"/>
      <c r="BY56" s="51"/>
      <c r="BZ56" s="52"/>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0"/>
      <c r="BM57" s="51"/>
      <c r="BN57" s="51"/>
      <c r="BO57" s="51"/>
      <c r="BP57" s="51"/>
      <c r="BQ57" s="51"/>
      <c r="BR57" s="51"/>
      <c r="BS57" s="51"/>
      <c r="BT57" s="51"/>
      <c r="BU57" s="51"/>
      <c r="BV57" s="51"/>
      <c r="BW57" s="51"/>
      <c r="BX57" s="51"/>
      <c r="BY57" s="51"/>
      <c r="BZ57" s="52"/>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0"/>
      <c r="BM58" s="51"/>
      <c r="BN58" s="51"/>
      <c r="BO58" s="51"/>
      <c r="BP58" s="51"/>
      <c r="BQ58" s="51"/>
      <c r="BR58" s="51"/>
      <c r="BS58" s="51"/>
      <c r="BT58" s="51"/>
      <c r="BU58" s="51"/>
      <c r="BV58" s="51"/>
      <c r="BW58" s="51"/>
      <c r="BX58" s="51"/>
      <c r="BY58" s="51"/>
      <c r="BZ58" s="52"/>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0"/>
      <c r="BM59" s="51"/>
      <c r="BN59" s="51"/>
      <c r="BO59" s="51"/>
      <c r="BP59" s="51"/>
      <c r="BQ59" s="51"/>
      <c r="BR59" s="51"/>
      <c r="BS59" s="51"/>
      <c r="BT59" s="51"/>
      <c r="BU59" s="51"/>
      <c r="BV59" s="51"/>
      <c r="BW59" s="51"/>
      <c r="BX59" s="51"/>
      <c r="BY59" s="51"/>
      <c r="BZ59" s="52"/>
    </row>
    <row r="60" spans="1:78" ht="13.5" customHeight="1" x14ac:dyDescent="0.2">
      <c r="A60" s="2"/>
      <c r="B60" s="61" t="s">
        <v>27</v>
      </c>
      <c r="C60" s="62"/>
      <c r="D60" s="62"/>
      <c r="E60" s="62"/>
      <c r="F60" s="62"/>
      <c r="G60" s="62"/>
      <c r="H60" s="62"/>
      <c r="I60" s="62"/>
      <c r="J60" s="62"/>
      <c r="K60" s="62"/>
      <c r="L60" s="62"/>
      <c r="M60" s="62"/>
      <c r="N60" s="62"/>
      <c r="O60" s="62"/>
      <c r="P60" s="62"/>
      <c r="Q60" s="62"/>
      <c r="R60" s="62"/>
      <c r="S60" s="62"/>
      <c r="T60" s="62"/>
      <c r="U60" s="62"/>
      <c r="V60" s="62"/>
      <c r="W60" s="62"/>
      <c r="X60" s="62"/>
      <c r="Y60" s="62"/>
      <c r="Z60" s="62"/>
      <c r="AA60" s="62"/>
      <c r="AB60" s="62"/>
      <c r="AC60" s="62"/>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3"/>
      <c r="BK60" s="2"/>
      <c r="BL60" s="50"/>
      <c r="BM60" s="51"/>
      <c r="BN60" s="51"/>
      <c r="BO60" s="51"/>
      <c r="BP60" s="51"/>
      <c r="BQ60" s="51"/>
      <c r="BR60" s="51"/>
      <c r="BS60" s="51"/>
      <c r="BT60" s="51"/>
      <c r="BU60" s="51"/>
      <c r="BV60" s="51"/>
      <c r="BW60" s="51"/>
      <c r="BX60" s="51"/>
      <c r="BY60" s="51"/>
      <c r="BZ60" s="52"/>
    </row>
    <row r="61" spans="1:78" ht="13.5" customHeight="1" x14ac:dyDescent="0.2">
      <c r="A61" s="2"/>
      <c r="B61" s="61"/>
      <c r="C61" s="62"/>
      <c r="D61" s="62"/>
      <c r="E61" s="62"/>
      <c r="F61" s="62"/>
      <c r="G61" s="62"/>
      <c r="H61" s="62"/>
      <c r="I61" s="62"/>
      <c r="J61" s="62"/>
      <c r="K61" s="62"/>
      <c r="L61" s="62"/>
      <c r="M61" s="62"/>
      <c r="N61" s="62"/>
      <c r="O61" s="62"/>
      <c r="P61" s="62"/>
      <c r="Q61" s="62"/>
      <c r="R61" s="62"/>
      <c r="S61" s="62"/>
      <c r="T61" s="62"/>
      <c r="U61" s="62"/>
      <c r="V61" s="62"/>
      <c r="W61" s="62"/>
      <c r="X61" s="62"/>
      <c r="Y61" s="62"/>
      <c r="Z61" s="62"/>
      <c r="AA61" s="62"/>
      <c r="AB61" s="62"/>
      <c r="AC61" s="62"/>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3"/>
      <c r="BK61" s="2"/>
      <c r="BL61" s="50"/>
      <c r="BM61" s="51"/>
      <c r="BN61" s="51"/>
      <c r="BO61" s="51"/>
      <c r="BP61" s="51"/>
      <c r="BQ61" s="51"/>
      <c r="BR61" s="51"/>
      <c r="BS61" s="51"/>
      <c r="BT61" s="51"/>
      <c r="BU61" s="51"/>
      <c r="BV61" s="51"/>
      <c r="BW61" s="51"/>
      <c r="BX61" s="51"/>
      <c r="BY61" s="51"/>
      <c r="BZ61" s="52"/>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50"/>
      <c r="BM62" s="51"/>
      <c r="BN62" s="51"/>
      <c r="BO62" s="51"/>
      <c r="BP62" s="51"/>
      <c r="BQ62" s="51"/>
      <c r="BR62" s="51"/>
      <c r="BS62" s="51"/>
      <c r="BT62" s="51"/>
      <c r="BU62" s="51"/>
      <c r="BV62" s="51"/>
      <c r="BW62" s="51"/>
      <c r="BX62" s="51"/>
      <c r="BY62" s="51"/>
      <c r="BZ62" s="52"/>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50"/>
      <c r="BM63" s="51"/>
      <c r="BN63" s="51"/>
      <c r="BO63" s="51"/>
      <c r="BP63" s="51"/>
      <c r="BQ63" s="51"/>
      <c r="BR63" s="51"/>
      <c r="BS63" s="51"/>
      <c r="BT63" s="51"/>
      <c r="BU63" s="51"/>
      <c r="BV63" s="51"/>
      <c r="BW63" s="51"/>
      <c r="BX63" s="51"/>
      <c r="BY63" s="51"/>
      <c r="BZ63" s="52"/>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44" t="s">
        <v>28</v>
      </c>
      <c r="BM64" s="45"/>
      <c r="BN64" s="45"/>
      <c r="BO64" s="45"/>
      <c r="BP64" s="45"/>
      <c r="BQ64" s="45"/>
      <c r="BR64" s="45"/>
      <c r="BS64" s="45"/>
      <c r="BT64" s="45"/>
      <c r="BU64" s="45"/>
      <c r="BV64" s="45"/>
      <c r="BW64" s="45"/>
      <c r="BX64" s="45"/>
      <c r="BY64" s="45"/>
      <c r="BZ64" s="46"/>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47"/>
      <c r="BM65" s="48"/>
      <c r="BN65" s="48"/>
      <c r="BO65" s="48"/>
      <c r="BP65" s="48"/>
      <c r="BQ65" s="48"/>
      <c r="BR65" s="48"/>
      <c r="BS65" s="48"/>
      <c r="BT65" s="48"/>
      <c r="BU65" s="48"/>
      <c r="BV65" s="48"/>
      <c r="BW65" s="48"/>
      <c r="BX65" s="48"/>
      <c r="BY65" s="48"/>
      <c r="BZ65" s="49"/>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50" t="s">
        <v>107</v>
      </c>
      <c r="BM66" s="51"/>
      <c r="BN66" s="51"/>
      <c r="BO66" s="51"/>
      <c r="BP66" s="51"/>
      <c r="BQ66" s="51"/>
      <c r="BR66" s="51"/>
      <c r="BS66" s="51"/>
      <c r="BT66" s="51"/>
      <c r="BU66" s="51"/>
      <c r="BV66" s="51"/>
      <c r="BW66" s="51"/>
      <c r="BX66" s="51"/>
      <c r="BY66" s="51"/>
      <c r="BZ66" s="52"/>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50"/>
      <c r="BM67" s="51"/>
      <c r="BN67" s="51"/>
      <c r="BO67" s="51"/>
      <c r="BP67" s="51"/>
      <c r="BQ67" s="51"/>
      <c r="BR67" s="51"/>
      <c r="BS67" s="51"/>
      <c r="BT67" s="51"/>
      <c r="BU67" s="51"/>
      <c r="BV67" s="51"/>
      <c r="BW67" s="51"/>
      <c r="BX67" s="51"/>
      <c r="BY67" s="51"/>
      <c r="BZ67" s="52"/>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50"/>
      <c r="BM68" s="51"/>
      <c r="BN68" s="51"/>
      <c r="BO68" s="51"/>
      <c r="BP68" s="51"/>
      <c r="BQ68" s="51"/>
      <c r="BR68" s="51"/>
      <c r="BS68" s="51"/>
      <c r="BT68" s="51"/>
      <c r="BU68" s="51"/>
      <c r="BV68" s="51"/>
      <c r="BW68" s="51"/>
      <c r="BX68" s="51"/>
      <c r="BY68" s="51"/>
      <c r="BZ68" s="52"/>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50"/>
      <c r="BM69" s="51"/>
      <c r="BN69" s="51"/>
      <c r="BO69" s="51"/>
      <c r="BP69" s="51"/>
      <c r="BQ69" s="51"/>
      <c r="BR69" s="51"/>
      <c r="BS69" s="51"/>
      <c r="BT69" s="51"/>
      <c r="BU69" s="51"/>
      <c r="BV69" s="51"/>
      <c r="BW69" s="51"/>
      <c r="BX69" s="51"/>
      <c r="BY69" s="51"/>
      <c r="BZ69" s="52"/>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50"/>
      <c r="BM70" s="51"/>
      <c r="BN70" s="51"/>
      <c r="BO70" s="51"/>
      <c r="BP70" s="51"/>
      <c r="BQ70" s="51"/>
      <c r="BR70" s="51"/>
      <c r="BS70" s="51"/>
      <c r="BT70" s="51"/>
      <c r="BU70" s="51"/>
      <c r="BV70" s="51"/>
      <c r="BW70" s="51"/>
      <c r="BX70" s="51"/>
      <c r="BY70" s="51"/>
      <c r="BZ70" s="52"/>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50"/>
      <c r="BM71" s="51"/>
      <c r="BN71" s="51"/>
      <c r="BO71" s="51"/>
      <c r="BP71" s="51"/>
      <c r="BQ71" s="51"/>
      <c r="BR71" s="51"/>
      <c r="BS71" s="51"/>
      <c r="BT71" s="51"/>
      <c r="BU71" s="51"/>
      <c r="BV71" s="51"/>
      <c r="BW71" s="51"/>
      <c r="BX71" s="51"/>
      <c r="BY71" s="51"/>
      <c r="BZ71" s="52"/>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50"/>
      <c r="BM72" s="51"/>
      <c r="BN72" s="51"/>
      <c r="BO72" s="51"/>
      <c r="BP72" s="51"/>
      <c r="BQ72" s="51"/>
      <c r="BR72" s="51"/>
      <c r="BS72" s="51"/>
      <c r="BT72" s="51"/>
      <c r="BU72" s="51"/>
      <c r="BV72" s="51"/>
      <c r="BW72" s="51"/>
      <c r="BX72" s="51"/>
      <c r="BY72" s="51"/>
      <c r="BZ72" s="52"/>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50"/>
      <c r="BM73" s="51"/>
      <c r="BN73" s="51"/>
      <c r="BO73" s="51"/>
      <c r="BP73" s="51"/>
      <c r="BQ73" s="51"/>
      <c r="BR73" s="51"/>
      <c r="BS73" s="51"/>
      <c r="BT73" s="51"/>
      <c r="BU73" s="51"/>
      <c r="BV73" s="51"/>
      <c r="BW73" s="51"/>
      <c r="BX73" s="51"/>
      <c r="BY73" s="51"/>
      <c r="BZ73" s="52"/>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50"/>
      <c r="BM74" s="51"/>
      <c r="BN74" s="51"/>
      <c r="BO74" s="51"/>
      <c r="BP74" s="51"/>
      <c r="BQ74" s="51"/>
      <c r="BR74" s="51"/>
      <c r="BS74" s="51"/>
      <c r="BT74" s="51"/>
      <c r="BU74" s="51"/>
      <c r="BV74" s="51"/>
      <c r="BW74" s="51"/>
      <c r="BX74" s="51"/>
      <c r="BY74" s="51"/>
      <c r="BZ74" s="52"/>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50"/>
      <c r="BM75" s="51"/>
      <c r="BN75" s="51"/>
      <c r="BO75" s="51"/>
      <c r="BP75" s="51"/>
      <c r="BQ75" s="51"/>
      <c r="BR75" s="51"/>
      <c r="BS75" s="51"/>
      <c r="BT75" s="51"/>
      <c r="BU75" s="51"/>
      <c r="BV75" s="51"/>
      <c r="BW75" s="51"/>
      <c r="BX75" s="51"/>
      <c r="BY75" s="51"/>
      <c r="BZ75" s="52"/>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50"/>
      <c r="BM76" s="51"/>
      <c r="BN76" s="51"/>
      <c r="BO76" s="51"/>
      <c r="BP76" s="51"/>
      <c r="BQ76" s="51"/>
      <c r="BR76" s="51"/>
      <c r="BS76" s="51"/>
      <c r="BT76" s="51"/>
      <c r="BU76" s="51"/>
      <c r="BV76" s="51"/>
      <c r="BW76" s="51"/>
      <c r="BX76" s="51"/>
      <c r="BY76" s="51"/>
      <c r="BZ76" s="52"/>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50"/>
      <c r="BM77" s="51"/>
      <c r="BN77" s="51"/>
      <c r="BO77" s="51"/>
      <c r="BP77" s="51"/>
      <c r="BQ77" s="51"/>
      <c r="BR77" s="51"/>
      <c r="BS77" s="51"/>
      <c r="BT77" s="51"/>
      <c r="BU77" s="51"/>
      <c r="BV77" s="51"/>
      <c r="BW77" s="51"/>
      <c r="BX77" s="51"/>
      <c r="BY77" s="51"/>
      <c r="BZ77" s="52"/>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50"/>
      <c r="BM78" s="51"/>
      <c r="BN78" s="51"/>
      <c r="BO78" s="51"/>
      <c r="BP78" s="51"/>
      <c r="BQ78" s="51"/>
      <c r="BR78" s="51"/>
      <c r="BS78" s="51"/>
      <c r="BT78" s="51"/>
      <c r="BU78" s="51"/>
      <c r="BV78" s="51"/>
      <c r="BW78" s="51"/>
      <c r="BX78" s="51"/>
      <c r="BY78" s="51"/>
      <c r="BZ78" s="52"/>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50"/>
      <c r="BM79" s="51"/>
      <c r="BN79" s="51"/>
      <c r="BO79" s="51"/>
      <c r="BP79" s="51"/>
      <c r="BQ79" s="51"/>
      <c r="BR79" s="51"/>
      <c r="BS79" s="51"/>
      <c r="BT79" s="51"/>
      <c r="BU79" s="51"/>
      <c r="BV79" s="51"/>
      <c r="BW79" s="51"/>
      <c r="BX79" s="51"/>
      <c r="BY79" s="51"/>
      <c r="BZ79" s="52"/>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50"/>
      <c r="BM80" s="51"/>
      <c r="BN80" s="51"/>
      <c r="BO80" s="51"/>
      <c r="BP80" s="51"/>
      <c r="BQ80" s="51"/>
      <c r="BR80" s="51"/>
      <c r="BS80" s="51"/>
      <c r="BT80" s="51"/>
      <c r="BU80" s="51"/>
      <c r="BV80" s="51"/>
      <c r="BW80" s="51"/>
      <c r="BX80" s="51"/>
      <c r="BY80" s="51"/>
      <c r="BZ80" s="52"/>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50"/>
      <c r="BM81" s="51"/>
      <c r="BN81" s="51"/>
      <c r="BO81" s="51"/>
      <c r="BP81" s="51"/>
      <c r="BQ81" s="51"/>
      <c r="BR81" s="51"/>
      <c r="BS81" s="51"/>
      <c r="BT81" s="51"/>
      <c r="BU81" s="51"/>
      <c r="BV81" s="51"/>
      <c r="BW81" s="51"/>
      <c r="BX81" s="51"/>
      <c r="BY81" s="51"/>
      <c r="BZ81" s="52"/>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3"/>
      <c r="BM82" s="54"/>
      <c r="BN82" s="54"/>
      <c r="BO82" s="54"/>
      <c r="BP82" s="54"/>
      <c r="BQ82" s="54"/>
      <c r="BR82" s="54"/>
      <c r="BS82" s="54"/>
      <c r="BT82" s="54"/>
      <c r="BU82" s="54"/>
      <c r="BV82" s="54"/>
      <c r="BW82" s="54"/>
      <c r="BX82" s="54"/>
      <c r="BY82" s="54"/>
      <c r="BZ82" s="55"/>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5coMmtS/RJT59kTLqiBcTec+I4QpeoK+3HWZjmi0T3iq676Li2W81HIprJxJOVYGFn2ZllXkzdg7R3Mbxqcr2Q==" saltValue="DQl6oF4ERJRqiakpyPdkjg=="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52</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2">
      <c r="A4" s="29" t="s">
        <v>53</v>
      </c>
      <c r="B4" s="31"/>
      <c r="C4" s="31"/>
      <c r="D4" s="31"/>
      <c r="E4" s="31"/>
      <c r="F4" s="31"/>
      <c r="G4" s="31"/>
      <c r="H4" s="90"/>
      <c r="I4" s="91"/>
      <c r="J4" s="91"/>
      <c r="K4" s="91"/>
      <c r="L4" s="91"/>
      <c r="M4" s="91"/>
      <c r="N4" s="91"/>
      <c r="O4" s="91"/>
      <c r="P4" s="91"/>
      <c r="Q4" s="91"/>
      <c r="R4" s="91"/>
      <c r="S4" s="91"/>
      <c r="T4" s="91"/>
      <c r="U4" s="91"/>
      <c r="V4" s="91"/>
      <c r="W4" s="92"/>
      <c r="X4" s="86" t="s">
        <v>54</v>
      </c>
      <c r="Y4" s="86"/>
      <c r="Z4" s="86"/>
      <c r="AA4" s="86"/>
      <c r="AB4" s="86"/>
      <c r="AC4" s="86"/>
      <c r="AD4" s="86"/>
      <c r="AE4" s="86"/>
      <c r="AF4" s="86"/>
      <c r="AG4" s="86"/>
      <c r="AH4" s="86"/>
      <c r="AI4" s="86" t="s">
        <v>55</v>
      </c>
      <c r="AJ4" s="86"/>
      <c r="AK4" s="86"/>
      <c r="AL4" s="86"/>
      <c r="AM4" s="86"/>
      <c r="AN4" s="86"/>
      <c r="AO4" s="86"/>
      <c r="AP4" s="86"/>
      <c r="AQ4" s="86"/>
      <c r="AR4" s="86"/>
      <c r="AS4" s="86"/>
      <c r="AT4" s="86" t="s">
        <v>56</v>
      </c>
      <c r="AU4" s="86"/>
      <c r="AV4" s="86"/>
      <c r="AW4" s="86"/>
      <c r="AX4" s="86"/>
      <c r="AY4" s="86"/>
      <c r="AZ4" s="86"/>
      <c r="BA4" s="86"/>
      <c r="BB4" s="86"/>
      <c r="BC4" s="86"/>
      <c r="BD4" s="86"/>
      <c r="BE4" s="86" t="s">
        <v>57</v>
      </c>
      <c r="BF4" s="86"/>
      <c r="BG4" s="86"/>
      <c r="BH4" s="86"/>
      <c r="BI4" s="86"/>
      <c r="BJ4" s="86"/>
      <c r="BK4" s="86"/>
      <c r="BL4" s="86"/>
      <c r="BM4" s="86"/>
      <c r="BN4" s="86"/>
      <c r="BO4" s="86"/>
      <c r="BP4" s="86" t="s">
        <v>58</v>
      </c>
      <c r="BQ4" s="86"/>
      <c r="BR4" s="86"/>
      <c r="BS4" s="86"/>
      <c r="BT4" s="86"/>
      <c r="BU4" s="86"/>
      <c r="BV4" s="86"/>
      <c r="BW4" s="86"/>
      <c r="BX4" s="86"/>
      <c r="BY4" s="86"/>
      <c r="BZ4" s="86"/>
      <c r="CA4" s="86" t="s">
        <v>59</v>
      </c>
      <c r="CB4" s="86"/>
      <c r="CC4" s="86"/>
      <c r="CD4" s="86"/>
      <c r="CE4" s="86"/>
      <c r="CF4" s="86"/>
      <c r="CG4" s="86"/>
      <c r="CH4" s="86"/>
      <c r="CI4" s="86"/>
      <c r="CJ4" s="86"/>
      <c r="CK4" s="86"/>
      <c r="CL4" s="86" t="s">
        <v>60</v>
      </c>
      <c r="CM4" s="86"/>
      <c r="CN4" s="86"/>
      <c r="CO4" s="86"/>
      <c r="CP4" s="86"/>
      <c r="CQ4" s="86"/>
      <c r="CR4" s="86"/>
      <c r="CS4" s="86"/>
      <c r="CT4" s="86"/>
      <c r="CU4" s="86"/>
      <c r="CV4" s="86"/>
      <c r="CW4" s="86" t="s">
        <v>61</v>
      </c>
      <c r="CX4" s="86"/>
      <c r="CY4" s="86"/>
      <c r="CZ4" s="86"/>
      <c r="DA4" s="86"/>
      <c r="DB4" s="86"/>
      <c r="DC4" s="86"/>
      <c r="DD4" s="86"/>
      <c r="DE4" s="86"/>
      <c r="DF4" s="86"/>
      <c r="DG4" s="86"/>
      <c r="DH4" s="86" t="s">
        <v>62</v>
      </c>
      <c r="DI4" s="86"/>
      <c r="DJ4" s="86"/>
      <c r="DK4" s="86"/>
      <c r="DL4" s="86"/>
      <c r="DM4" s="86"/>
      <c r="DN4" s="86"/>
      <c r="DO4" s="86"/>
      <c r="DP4" s="86"/>
      <c r="DQ4" s="86"/>
      <c r="DR4" s="86"/>
      <c r="DS4" s="86" t="s">
        <v>63</v>
      </c>
      <c r="DT4" s="86"/>
      <c r="DU4" s="86"/>
      <c r="DV4" s="86"/>
      <c r="DW4" s="86"/>
      <c r="DX4" s="86"/>
      <c r="DY4" s="86"/>
      <c r="DZ4" s="86"/>
      <c r="EA4" s="86"/>
      <c r="EB4" s="86"/>
      <c r="EC4" s="86"/>
      <c r="ED4" s="86" t="s">
        <v>64</v>
      </c>
      <c r="EE4" s="86"/>
      <c r="EF4" s="86"/>
      <c r="EG4" s="86"/>
      <c r="EH4" s="86"/>
      <c r="EI4" s="86"/>
      <c r="EJ4" s="86"/>
      <c r="EK4" s="86"/>
      <c r="EL4" s="86"/>
      <c r="EM4" s="86"/>
      <c r="EN4" s="86"/>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8</v>
      </c>
      <c r="C6" s="34">
        <f t="shared" ref="C6:W6" si="3">C7</f>
        <v>143642</v>
      </c>
      <c r="D6" s="34">
        <f t="shared" si="3"/>
        <v>46</v>
      </c>
      <c r="E6" s="34">
        <f t="shared" si="3"/>
        <v>1</v>
      </c>
      <c r="F6" s="34">
        <f t="shared" si="3"/>
        <v>0</v>
      </c>
      <c r="G6" s="34">
        <f t="shared" si="3"/>
        <v>1</v>
      </c>
      <c r="H6" s="34" t="str">
        <f t="shared" si="3"/>
        <v>神奈川県　山北町</v>
      </c>
      <c r="I6" s="34" t="str">
        <f t="shared" si="3"/>
        <v>法適用</v>
      </c>
      <c r="J6" s="34" t="str">
        <f t="shared" si="3"/>
        <v>水道事業</v>
      </c>
      <c r="K6" s="34" t="str">
        <f t="shared" si="3"/>
        <v>末端給水事業</v>
      </c>
      <c r="L6" s="34" t="str">
        <f t="shared" si="3"/>
        <v>A7</v>
      </c>
      <c r="M6" s="34" t="str">
        <f t="shared" si="3"/>
        <v>非設置</v>
      </c>
      <c r="N6" s="35" t="str">
        <f t="shared" si="3"/>
        <v>-</v>
      </c>
      <c r="O6" s="35">
        <f t="shared" si="3"/>
        <v>84.61</v>
      </c>
      <c r="P6" s="35">
        <f t="shared" si="3"/>
        <v>98.4</v>
      </c>
      <c r="Q6" s="35">
        <f t="shared" si="3"/>
        <v>1479</v>
      </c>
      <c r="R6" s="35">
        <f t="shared" si="3"/>
        <v>10308</v>
      </c>
      <c r="S6" s="35">
        <f t="shared" si="3"/>
        <v>224.61</v>
      </c>
      <c r="T6" s="35">
        <f t="shared" si="3"/>
        <v>45.89</v>
      </c>
      <c r="U6" s="35">
        <f t="shared" si="3"/>
        <v>10071</v>
      </c>
      <c r="V6" s="35">
        <f t="shared" si="3"/>
        <v>8.15</v>
      </c>
      <c r="W6" s="35">
        <f t="shared" si="3"/>
        <v>1235.71</v>
      </c>
      <c r="X6" s="36">
        <f>IF(X7="",NA(),X7)</f>
        <v>105.88</v>
      </c>
      <c r="Y6" s="36">
        <f t="shared" ref="Y6:AG6" si="4">IF(Y7="",NA(),Y7)</f>
        <v>107.35</v>
      </c>
      <c r="Z6" s="36">
        <f t="shared" si="4"/>
        <v>105.37</v>
      </c>
      <c r="AA6" s="36">
        <f t="shared" si="4"/>
        <v>102.64</v>
      </c>
      <c r="AB6" s="36">
        <f t="shared" si="4"/>
        <v>102.56</v>
      </c>
      <c r="AC6" s="36">
        <f t="shared" si="4"/>
        <v>109.49</v>
      </c>
      <c r="AD6" s="36">
        <f t="shared" si="4"/>
        <v>111.06</v>
      </c>
      <c r="AE6" s="36">
        <f t="shared" si="4"/>
        <v>111.34</v>
      </c>
      <c r="AF6" s="36">
        <f t="shared" si="4"/>
        <v>110.02</v>
      </c>
      <c r="AG6" s="36">
        <f t="shared" si="4"/>
        <v>108.76</v>
      </c>
      <c r="AH6" s="35" t="str">
        <f>IF(AH7="","",IF(AH7="-","【-】","【"&amp;SUBSTITUTE(TEXT(AH7,"#,##0.00"),"-","△")&amp;"】"))</f>
        <v>【112.83】</v>
      </c>
      <c r="AI6" s="35">
        <f>IF(AI7="",NA(),AI7)</f>
        <v>0</v>
      </c>
      <c r="AJ6" s="35">
        <f t="shared" ref="AJ6:AR6" si="5">IF(AJ7="",NA(),AJ7)</f>
        <v>0</v>
      </c>
      <c r="AK6" s="35">
        <f t="shared" si="5"/>
        <v>0</v>
      </c>
      <c r="AL6" s="35">
        <f t="shared" si="5"/>
        <v>0</v>
      </c>
      <c r="AM6" s="35">
        <f t="shared" si="5"/>
        <v>0</v>
      </c>
      <c r="AN6" s="36">
        <f t="shared" si="5"/>
        <v>9.49</v>
      </c>
      <c r="AO6" s="36">
        <f t="shared" si="5"/>
        <v>9.35</v>
      </c>
      <c r="AP6" s="36">
        <f t="shared" si="5"/>
        <v>10.130000000000001</v>
      </c>
      <c r="AQ6" s="36">
        <f t="shared" si="5"/>
        <v>7.31</v>
      </c>
      <c r="AR6" s="36">
        <f t="shared" si="5"/>
        <v>7.48</v>
      </c>
      <c r="AS6" s="35" t="str">
        <f>IF(AS7="","",IF(AS7="-","【-】","【"&amp;SUBSTITUTE(TEXT(AS7,"#,##0.00"),"-","△")&amp;"】"))</f>
        <v>【1.05】</v>
      </c>
      <c r="AT6" s="36">
        <f>IF(AT7="",NA(),AT7)</f>
        <v>530.05999999999995</v>
      </c>
      <c r="AU6" s="36">
        <f t="shared" ref="AU6:BC6" si="6">IF(AU7="",NA(),AU7)</f>
        <v>574.27</v>
      </c>
      <c r="AV6" s="36">
        <f t="shared" si="6"/>
        <v>605.57000000000005</v>
      </c>
      <c r="AW6" s="36">
        <f t="shared" si="6"/>
        <v>533.4</v>
      </c>
      <c r="AX6" s="36">
        <f t="shared" si="6"/>
        <v>540.41999999999996</v>
      </c>
      <c r="AY6" s="36">
        <f t="shared" si="6"/>
        <v>406.37</v>
      </c>
      <c r="AZ6" s="36">
        <f t="shared" si="6"/>
        <v>398.29</v>
      </c>
      <c r="BA6" s="36">
        <f t="shared" si="6"/>
        <v>388.67</v>
      </c>
      <c r="BB6" s="36">
        <f t="shared" si="6"/>
        <v>355.27</v>
      </c>
      <c r="BC6" s="36">
        <f t="shared" si="6"/>
        <v>359.7</v>
      </c>
      <c r="BD6" s="35" t="str">
        <f>IF(BD7="","",IF(BD7="-","【-】","【"&amp;SUBSTITUTE(TEXT(BD7,"#,##0.00"),"-","△")&amp;"】"))</f>
        <v>【261.93】</v>
      </c>
      <c r="BE6" s="36">
        <f>IF(BE7="",NA(),BE7)</f>
        <v>323.20999999999998</v>
      </c>
      <c r="BF6" s="36">
        <f t="shared" ref="BF6:BN6" si="7">IF(BF7="",NA(),BF7)</f>
        <v>310.61</v>
      </c>
      <c r="BG6" s="36">
        <f t="shared" si="7"/>
        <v>292.92</v>
      </c>
      <c r="BH6" s="36">
        <f t="shared" si="7"/>
        <v>267.81</v>
      </c>
      <c r="BI6" s="36">
        <f t="shared" si="7"/>
        <v>247.14</v>
      </c>
      <c r="BJ6" s="36">
        <f t="shared" si="7"/>
        <v>442.54</v>
      </c>
      <c r="BK6" s="36">
        <f t="shared" si="7"/>
        <v>431</v>
      </c>
      <c r="BL6" s="36">
        <f t="shared" si="7"/>
        <v>422.5</v>
      </c>
      <c r="BM6" s="36">
        <f t="shared" si="7"/>
        <v>458.27</v>
      </c>
      <c r="BN6" s="36">
        <f t="shared" si="7"/>
        <v>447.01</v>
      </c>
      <c r="BO6" s="35" t="str">
        <f>IF(BO7="","",IF(BO7="-","【-】","【"&amp;SUBSTITUTE(TEXT(BO7,"#,##0.00"),"-","△")&amp;"】"))</f>
        <v>【270.46】</v>
      </c>
      <c r="BP6" s="36">
        <f>IF(BP7="",NA(),BP7)</f>
        <v>107.7</v>
      </c>
      <c r="BQ6" s="36">
        <f t="shared" ref="BQ6:BY6" si="8">IF(BQ7="",NA(),BQ7)</f>
        <v>109.27</v>
      </c>
      <c r="BR6" s="36">
        <f t="shared" si="8"/>
        <v>107.02</v>
      </c>
      <c r="BS6" s="36">
        <f t="shared" si="8"/>
        <v>103.03</v>
      </c>
      <c r="BT6" s="36">
        <f t="shared" si="8"/>
        <v>102.64</v>
      </c>
      <c r="BU6" s="36">
        <f t="shared" si="8"/>
        <v>98.6</v>
      </c>
      <c r="BV6" s="36">
        <f t="shared" si="8"/>
        <v>100.82</v>
      </c>
      <c r="BW6" s="36">
        <f t="shared" si="8"/>
        <v>101.64</v>
      </c>
      <c r="BX6" s="36">
        <f t="shared" si="8"/>
        <v>96.77</v>
      </c>
      <c r="BY6" s="36">
        <f t="shared" si="8"/>
        <v>95.81</v>
      </c>
      <c r="BZ6" s="35" t="str">
        <f>IF(BZ7="","",IF(BZ7="-","【-】","【"&amp;SUBSTITUTE(TEXT(BZ7,"#,##0.00"),"-","△")&amp;"】"))</f>
        <v>【103.91】</v>
      </c>
      <c r="CA6" s="36">
        <f>IF(CA7="",NA(),CA7)</f>
        <v>100.27</v>
      </c>
      <c r="CB6" s="36">
        <f t="shared" ref="CB6:CJ6" si="9">IF(CB7="",NA(),CB7)</f>
        <v>98.58</v>
      </c>
      <c r="CC6" s="36">
        <f t="shared" si="9"/>
        <v>100.71</v>
      </c>
      <c r="CD6" s="36">
        <f t="shared" si="9"/>
        <v>105.56</v>
      </c>
      <c r="CE6" s="36">
        <f t="shared" si="9"/>
        <v>106.22</v>
      </c>
      <c r="CF6" s="36">
        <f t="shared" si="9"/>
        <v>181.67</v>
      </c>
      <c r="CG6" s="36">
        <f t="shared" si="9"/>
        <v>179.55</v>
      </c>
      <c r="CH6" s="36">
        <f t="shared" si="9"/>
        <v>179.16</v>
      </c>
      <c r="CI6" s="36">
        <f t="shared" si="9"/>
        <v>187.18</v>
      </c>
      <c r="CJ6" s="36">
        <f t="shared" si="9"/>
        <v>189.58</v>
      </c>
      <c r="CK6" s="35" t="str">
        <f>IF(CK7="","",IF(CK7="-","【-】","【"&amp;SUBSTITUTE(TEXT(CK7,"#,##0.00"),"-","△")&amp;"】"))</f>
        <v>【167.11】</v>
      </c>
      <c r="CL6" s="36">
        <f>IF(CL7="",NA(),CL7)</f>
        <v>42.81</v>
      </c>
      <c r="CM6" s="36">
        <f t="shared" ref="CM6:CU6" si="10">IF(CM7="",NA(),CM7)</f>
        <v>44.58</v>
      </c>
      <c r="CN6" s="36">
        <f t="shared" si="10"/>
        <v>43.18</v>
      </c>
      <c r="CO6" s="36">
        <f t="shared" si="10"/>
        <v>44.52</v>
      </c>
      <c r="CP6" s="36">
        <f t="shared" si="10"/>
        <v>45.39</v>
      </c>
      <c r="CQ6" s="36">
        <f t="shared" si="10"/>
        <v>53.61</v>
      </c>
      <c r="CR6" s="36">
        <f t="shared" si="10"/>
        <v>53.52</v>
      </c>
      <c r="CS6" s="36">
        <f t="shared" si="10"/>
        <v>54.24</v>
      </c>
      <c r="CT6" s="36">
        <f t="shared" si="10"/>
        <v>55.88</v>
      </c>
      <c r="CU6" s="36">
        <f t="shared" si="10"/>
        <v>55.22</v>
      </c>
      <c r="CV6" s="35" t="str">
        <f>IF(CV7="","",IF(CV7="-","【-】","【"&amp;SUBSTITUTE(TEXT(CV7,"#,##0.00"),"-","△")&amp;"】"))</f>
        <v>【60.27】</v>
      </c>
      <c r="CW6" s="36">
        <f>IF(CW7="",NA(),CW7)</f>
        <v>77.37</v>
      </c>
      <c r="CX6" s="36">
        <f t="shared" ref="CX6:DF6" si="11">IF(CX7="",NA(),CX7)</f>
        <v>72.069999999999993</v>
      </c>
      <c r="CY6" s="36">
        <f t="shared" si="11"/>
        <v>73.239999999999995</v>
      </c>
      <c r="CZ6" s="36">
        <f t="shared" si="11"/>
        <v>70.72</v>
      </c>
      <c r="DA6" s="36">
        <f t="shared" si="11"/>
        <v>68.180000000000007</v>
      </c>
      <c r="DB6" s="36">
        <f t="shared" si="11"/>
        <v>81.31</v>
      </c>
      <c r="DC6" s="36">
        <f t="shared" si="11"/>
        <v>81.459999999999994</v>
      </c>
      <c r="DD6" s="36">
        <f t="shared" si="11"/>
        <v>81.680000000000007</v>
      </c>
      <c r="DE6" s="36">
        <f t="shared" si="11"/>
        <v>80.989999999999995</v>
      </c>
      <c r="DF6" s="36">
        <f t="shared" si="11"/>
        <v>80.930000000000007</v>
      </c>
      <c r="DG6" s="35" t="str">
        <f>IF(DG7="","",IF(DG7="-","【-】","【"&amp;SUBSTITUTE(TEXT(DG7,"#,##0.00"),"-","△")&amp;"】"))</f>
        <v>【89.92】</v>
      </c>
      <c r="DH6" s="36">
        <f>IF(DH7="",NA(),DH7)</f>
        <v>47.89</v>
      </c>
      <c r="DI6" s="36">
        <f t="shared" ref="DI6:DQ6" si="12">IF(DI7="",NA(),DI7)</f>
        <v>49.73</v>
      </c>
      <c r="DJ6" s="36">
        <f t="shared" si="12"/>
        <v>51.18</v>
      </c>
      <c r="DK6" s="36">
        <f t="shared" si="12"/>
        <v>52.74</v>
      </c>
      <c r="DL6" s="36">
        <f t="shared" si="12"/>
        <v>54.78</v>
      </c>
      <c r="DM6" s="36">
        <f t="shared" si="12"/>
        <v>46.67</v>
      </c>
      <c r="DN6" s="36">
        <f t="shared" si="12"/>
        <v>47.7</v>
      </c>
      <c r="DO6" s="36">
        <f t="shared" si="12"/>
        <v>48.14</v>
      </c>
      <c r="DP6" s="36">
        <f t="shared" si="12"/>
        <v>46.61</v>
      </c>
      <c r="DQ6" s="36">
        <f t="shared" si="12"/>
        <v>47.97</v>
      </c>
      <c r="DR6" s="35" t="str">
        <f>IF(DR7="","",IF(DR7="-","【-】","【"&amp;SUBSTITUTE(TEXT(DR7,"#,##0.00"),"-","△")&amp;"】"))</f>
        <v>【48.85】</v>
      </c>
      <c r="DS6" s="36">
        <f>IF(DS7="",NA(),DS7)</f>
        <v>15.99</v>
      </c>
      <c r="DT6" s="36">
        <f t="shared" ref="DT6:EB6" si="13">IF(DT7="",NA(),DT7)</f>
        <v>15.9</v>
      </c>
      <c r="DU6" s="36">
        <f t="shared" si="13"/>
        <v>24.74</v>
      </c>
      <c r="DV6" s="36">
        <f t="shared" si="13"/>
        <v>39.450000000000003</v>
      </c>
      <c r="DW6" s="36">
        <f t="shared" si="13"/>
        <v>43.12</v>
      </c>
      <c r="DX6" s="36">
        <f t="shared" si="13"/>
        <v>10.029999999999999</v>
      </c>
      <c r="DY6" s="36">
        <f t="shared" si="13"/>
        <v>7.26</v>
      </c>
      <c r="DZ6" s="36">
        <f t="shared" si="13"/>
        <v>11.13</v>
      </c>
      <c r="EA6" s="36">
        <f t="shared" si="13"/>
        <v>10.84</v>
      </c>
      <c r="EB6" s="36">
        <f t="shared" si="13"/>
        <v>15.33</v>
      </c>
      <c r="EC6" s="35" t="str">
        <f>IF(EC7="","",IF(EC7="-","【-】","【"&amp;SUBSTITUTE(TEXT(EC7,"#,##0.00"),"-","△")&amp;"】"))</f>
        <v>【17.80】</v>
      </c>
      <c r="ED6" s="36">
        <f>IF(ED7="",NA(),ED7)</f>
        <v>0.01</v>
      </c>
      <c r="EE6" s="35">
        <f t="shared" ref="EE6:EM6" si="14">IF(EE7="",NA(),EE7)</f>
        <v>0</v>
      </c>
      <c r="EF6" s="35">
        <f t="shared" si="14"/>
        <v>0</v>
      </c>
      <c r="EG6" s="36">
        <f t="shared" si="14"/>
        <v>0.71</v>
      </c>
      <c r="EH6" s="36">
        <f t="shared" si="14"/>
        <v>0.2</v>
      </c>
      <c r="EI6" s="36">
        <f t="shared" si="14"/>
        <v>0.68</v>
      </c>
      <c r="EJ6" s="36">
        <f t="shared" si="14"/>
        <v>1.65</v>
      </c>
      <c r="EK6" s="36">
        <f t="shared" si="14"/>
        <v>0.47</v>
      </c>
      <c r="EL6" s="36">
        <f t="shared" si="14"/>
        <v>0.39</v>
      </c>
      <c r="EM6" s="36">
        <f t="shared" si="14"/>
        <v>0.43</v>
      </c>
      <c r="EN6" s="35" t="str">
        <f>IF(EN7="","",IF(EN7="-","【-】","【"&amp;SUBSTITUTE(TEXT(EN7,"#,##0.00"),"-","△")&amp;"】"))</f>
        <v>【0.70】</v>
      </c>
    </row>
    <row r="7" spans="1:144" s="37" customFormat="1" x14ac:dyDescent="0.2">
      <c r="A7" s="29"/>
      <c r="B7" s="38">
        <v>2018</v>
      </c>
      <c r="C7" s="38">
        <v>143642</v>
      </c>
      <c r="D7" s="38">
        <v>46</v>
      </c>
      <c r="E7" s="38">
        <v>1</v>
      </c>
      <c r="F7" s="38">
        <v>0</v>
      </c>
      <c r="G7" s="38">
        <v>1</v>
      </c>
      <c r="H7" s="38" t="s">
        <v>93</v>
      </c>
      <c r="I7" s="38" t="s">
        <v>94</v>
      </c>
      <c r="J7" s="38" t="s">
        <v>95</v>
      </c>
      <c r="K7" s="38" t="s">
        <v>96</v>
      </c>
      <c r="L7" s="38" t="s">
        <v>97</v>
      </c>
      <c r="M7" s="38" t="s">
        <v>98</v>
      </c>
      <c r="N7" s="39" t="s">
        <v>99</v>
      </c>
      <c r="O7" s="39">
        <v>84.61</v>
      </c>
      <c r="P7" s="39">
        <v>98.4</v>
      </c>
      <c r="Q7" s="39">
        <v>1479</v>
      </c>
      <c r="R7" s="39">
        <v>10308</v>
      </c>
      <c r="S7" s="39">
        <v>224.61</v>
      </c>
      <c r="T7" s="39">
        <v>45.89</v>
      </c>
      <c r="U7" s="39">
        <v>10071</v>
      </c>
      <c r="V7" s="39">
        <v>8.15</v>
      </c>
      <c r="W7" s="39">
        <v>1235.71</v>
      </c>
      <c r="X7" s="39">
        <v>105.88</v>
      </c>
      <c r="Y7" s="39">
        <v>107.35</v>
      </c>
      <c r="Z7" s="39">
        <v>105.37</v>
      </c>
      <c r="AA7" s="39">
        <v>102.64</v>
      </c>
      <c r="AB7" s="39">
        <v>102.56</v>
      </c>
      <c r="AC7" s="39">
        <v>109.49</v>
      </c>
      <c r="AD7" s="39">
        <v>111.06</v>
      </c>
      <c r="AE7" s="39">
        <v>111.34</v>
      </c>
      <c r="AF7" s="39">
        <v>110.02</v>
      </c>
      <c r="AG7" s="39">
        <v>108.76</v>
      </c>
      <c r="AH7" s="39">
        <v>112.83</v>
      </c>
      <c r="AI7" s="39">
        <v>0</v>
      </c>
      <c r="AJ7" s="39">
        <v>0</v>
      </c>
      <c r="AK7" s="39">
        <v>0</v>
      </c>
      <c r="AL7" s="39">
        <v>0</v>
      </c>
      <c r="AM7" s="39">
        <v>0</v>
      </c>
      <c r="AN7" s="39">
        <v>9.49</v>
      </c>
      <c r="AO7" s="39">
        <v>9.35</v>
      </c>
      <c r="AP7" s="39">
        <v>10.130000000000001</v>
      </c>
      <c r="AQ7" s="39">
        <v>7.31</v>
      </c>
      <c r="AR7" s="39">
        <v>7.48</v>
      </c>
      <c r="AS7" s="39">
        <v>1.05</v>
      </c>
      <c r="AT7" s="39">
        <v>530.05999999999995</v>
      </c>
      <c r="AU7" s="39">
        <v>574.27</v>
      </c>
      <c r="AV7" s="39">
        <v>605.57000000000005</v>
      </c>
      <c r="AW7" s="39">
        <v>533.4</v>
      </c>
      <c r="AX7" s="39">
        <v>540.41999999999996</v>
      </c>
      <c r="AY7" s="39">
        <v>406.37</v>
      </c>
      <c r="AZ7" s="39">
        <v>398.29</v>
      </c>
      <c r="BA7" s="39">
        <v>388.67</v>
      </c>
      <c r="BB7" s="39">
        <v>355.27</v>
      </c>
      <c r="BC7" s="39">
        <v>359.7</v>
      </c>
      <c r="BD7" s="39">
        <v>261.93</v>
      </c>
      <c r="BE7" s="39">
        <v>323.20999999999998</v>
      </c>
      <c r="BF7" s="39">
        <v>310.61</v>
      </c>
      <c r="BG7" s="39">
        <v>292.92</v>
      </c>
      <c r="BH7" s="39">
        <v>267.81</v>
      </c>
      <c r="BI7" s="39">
        <v>247.14</v>
      </c>
      <c r="BJ7" s="39">
        <v>442.54</v>
      </c>
      <c r="BK7" s="39">
        <v>431</v>
      </c>
      <c r="BL7" s="39">
        <v>422.5</v>
      </c>
      <c r="BM7" s="39">
        <v>458.27</v>
      </c>
      <c r="BN7" s="39">
        <v>447.01</v>
      </c>
      <c r="BO7" s="39">
        <v>270.45999999999998</v>
      </c>
      <c r="BP7" s="39">
        <v>107.7</v>
      </c>
      <c r="BQ7" s="39">
        <v>109.27</v>
      </c>
      <c r="BR7" s="39">
        <v>107.02</v>
      </c>
      <c r="BS7" s="39">
        <v>103.03</v>
      </c>
      <c r="BT7" s="39">
        <v>102.64</v>
      </c>
      <c r="BU7" s="39">
        <v>98.6</v>
      </c>
      <c r="BV7" s="39">
        <v>100.82</v>
      </c>
      <c r="BW7" s="39">
        <v>101.64</v>
      </c>
      <c r="BX7" s="39">
        <v>96.77</v>
      </c>
      <c r="BY7" s="39">
        <v>95.81</v>
      </c>
      <c r="BZ7" s="39">
        <v>103.91</v>
      </c>
      <c r="CA7" s="39">
        <v>100.27</v>
      </c>
      <c r="CB7" s="39">
        <v>98.58</v>
      </c>
      <c r="CC7" s="39">
        <v>100.71</v>
      </c>
      <c r="CD7" s="39">
        <v>105.56</v>
      </c>
      <c r="CE7" s="39">
        <v>106.22</v>
      </c>
      <c r="CF7" s="39">
        <v>181.67</v>
      </c>
      <c r="CG7" s="39">
        <v>179.55</v>
      </c>
      <c r="CH7" s="39">
        <v>179.16</v>
      </c>
      <c r="CI7" s="39">
        <v>187.18</v>
      </c>
      <c r="CJ7" s="39">
        <v>189.58</v>
      </c>
      <c r="CK7" s="39">
        <v>167.11</v>
      </c>
      <c r="CL7" s="39">
        <v>42.81</v>
      </c>
      <c r="CM7" s="39">
        <v>44.58</v>
      </c>
      <c r="CN7" s="39">
        <v>43.18</v>
      </c>
      <c r="CO7" s="39">
        <v>44.52</v>
      </c>
      <c r="CP7" s="39">
        <v>45.39</v>
      </c>
      <c r="CQ7" s="39">
        <v>53.61</v>
      </c>
      <c r="CR7" s="39">
        <v>53.52</v>
      </c>
      <c r="CS7" s="39">
        <v>54.24</v>
      </c>
      <c r="CT7" s="39">
        <v>55.88</v>
      </c>
      <c r="CU7" s="39">
        <v>55.22</v>
      </c>
      <c r="CV7" s="39">
        <v>60.27</v>
      </c>
      <c r="CW7" s="39">
        <v>77.37</v>
      </c>
      <c r="CX7" s="39">
        <v>72.069999999999993</v>
      </c>
      <c r="CY7" s="39">
        <v>73.239999999999995</v>
      </c>
      <c r="CZ7" s="39">
        <v>70.72</v>
      </c>
      <c r="DA7" s="39">
        <v>68.180000000000007</v>
      </c>
      <c r="DB7" s="39">
        <v>81.31</v>
      </c>
      <c r="DC7" s="39">
        <v>81.459999999999994</v>
      </c>
      <c r="DD7" s="39">
        <v>81.680000000000007</v>
      </c>
      <c r="DE7" s="39">
        <v>80.989999999999995</v>
      </c>
      <c r="DF7" s="39">
        <v>80.930000000000007</v>
      </c>
      <c r="DG7" s="39">
        <v>89.92</v>
      </c>
      <c r="DH7" s="39">
        <v>47.89</v>
      </c>
      <c r="DI7" s="39">
        <v>49.73</v>
      </c>
      <c r="DJ7" s="39">
        <v>51.18</v>
      </c>
      <c r="DK7" s="39">
        <v>52.74</v>
      </c>
      <c r="DL7" s="39">
        <v>54.78</v>
      </c>
      <c r="DM7" s="39">
        <v>46.67</v>
      </c>
      <c r="DN7" s="39">
        <v>47.7</v>
      </c>
      <c r="DO7" s="39">
        <v>48.14</v>
      </c>
      <c r="DP7" s="39">
        <v>46.61</v>
      </c>
      <c r="DQ7" s="39">
        <v>47.97</v>
      </c>
      <c r="DR7" s="39">
        <v>48.85</v>
      </c>
      <c r="DS7" s="39">
        <v>15.99</v>
      </c>
      <c r="DT7" s="39">
        <v>15.9</v>
      </c>
      <c r="DU7" s="39">
        <v>24.74</v>
      </c>
      <c r="DV7" s="39">
        <v>39.450000000000003</v>
      </c>
      <c r="DW7" s="39">
        <v>43.12</v>
      </c>
      <c r="DX7" s="39">
        <v>10.029999999999999</v>
      </c>
      <c r="DY7" s="39">
        <v>7.26</v>
      </c>
      <c r="DZ7" s="39">
        <v>11.13</v>
      </c>
      <c r="EA7" s="39">
        <v>10.84</v>
      </c>
      <c r="EB7" s="39">
        <v>15.33</v>
      </c>
      <c r="EC7" s="39">
        <v>17.8</v>
      </c>
      <c r="ED7" s="39">
        <v>0.01</v>
      </c>
      <c r="EE7" s="39">
        <v>0</v>
      </c>
      <c r="EF7" s="39">
        <v>0</v>
      </c>
      <c r="EG7" s="39">
        <v>0.71</v>
      </c>
      <c r="EH7" s="39">
        <v>0.2</v>
      </c>
      <c r="EI7" s="39">
        <v>0.68</v>
      </c>
      <c r="EJ7" s="39">
        <v>1.65</v>
      </c>
      <c r="EK7" s="39">
        <v>0.47</v>
      </c>
      <c r="EL7" s="39">
        <v>0.39</v>
      </c>
      <c r="EM7" s="39">
        <v>0.43</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2-20T06:07:09Z</cp:lastPrinted>
  <dcterms:created xsi:type="dcterms:W3CDTF">2019-12-05T04:13:46Z</dcterms:created>
  <dcterms:modified xsi:type="dcterms:W3CDTF">2020-02-26T09:50:12Z</dcterms:modified>
  <cp:category/>
</cp:coreProperties>
</file>